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filterPrivacy="1"/>
  <xr:revisionPtr revIDLastSave="0" documentId="13_ncr:1_{6583E2AB-5873-4DDE-9CDD-66AB1D2A4F06}" xr6:coauthVersionLast="47" xr6:coauthVersionMax="47" xr10:uidLastSave="{00000000-0000-0000-0000-000000000000}"/>
  <bookViews>
    <workbookView xWindow="-120" yWindow="-120" windowWidth="29040" windowHeight="15720" tabRatio="809" xr2:uid="{00000000-000D-0000-FFFF-FFFF00000000}"/>
  </bookViews>
  <sheets>
    <sheet name="Capa" sheetId="167" r:id="rId1"/>
    <sheet name="Índice" sheetId="103" r:id="rId2"/>
    <sheet name="1" sheetId="165" r:id="rId3"/>
    <sheet name="2" sheetId="166" r:id="rId4"/>
    <sheet name="3" sheetId="108" r:id="rId5"/>
    <sheet name="4" sheetId="19" r:id="rId6"/>
    <sheet name="5" sheetId="168" r:id="rId7"/>
    <sheet name="6" sheetId="1" r:id="rId8"/>
    <sheet name="7" sheetId="23" r:id="rId9"/>
    <sheet name="8" sheetId="24" r:id="rId10"/>
    <sheet name="9" sheetId="70" r:id="rId11"/>
    <sheet name="10" sheetId="71" r:id="rId12"/>
    <sheet name="11" sheetId="72" r:id="rId13"/>
    <sheet name="12" sheetId="74" r:id="rId14"/>
    <sheet name="13" sheetId="77" r:id="rId15"/>
    <sheet name="14" sheetId="38" r:id="rId16"/>
    <sheet name="15" sheetId="39" r:id="rId17"/>
    <sheet name="16" sheetId="40" r:id="rId18"/>
    <sheet name="17" sheetId="52" r:id="rId19"/>
    <sheet name="18" sheetId="162" r:id="rId20"/>
    <sheet name="19" sheetId="55" r:id="rId21"/>
    <sheet name="20" sheetId="56" r:id="rId22"/>
    <sheet name="21" sheetId="61" r:id="rId23"/>
    <sheet name="22" sheetId="140" r:id="rId24"/>
    <sheet name="23" sheetId="141" r:id="rId25"/>
    <sheet name="24" sheetId="144" r:id="rId26"/>
    <sheet name="25" sheetId="80" r:id="rId27"/>
    <sheet name="26" sheetId="82" r:id="rId28"/>
    <sheet name="27" sheetId="83" r:id="rId29"/>
    <sheet name="28" sheetId="42" r:id="rId30"/>
    <sheet name="29" sheetId="46" r:id="rId31"/>
    <sheet name="30" sheetId="48" r:id="rId32"/>
    <sheet name="31" sheetId="148" r:id="rId33"/>
    <sheet name="32" sheetId="26" r:id="rId34"/>
    <sheet name="33" sheetId="27" r:id="rId35"/>
    <sheet name="34" sheetId="28" r:id="rId36"/>
    <sheet name="35" sheetId="32" r:id="rId37"/>
    <sheet name="36" sheetId="34" r:id="rId38"/>
    <sheet name="37" sheetId="150" r:id="rId39"/>
    <sheet name="38" sheetId="180" r:id="rId40"/>
    <sheet name="39" sheetId="181" r:id="rId41"/>
    <sheet name="40" sheetId="182" r:id="rId42"/>
    <sheet name="41" sheetId="157" r:id="rId43"/>
    <sheet name="42" sheetId="158" r:id="rId44"/>
    <sheet name="43" sheetId="159" r:id="rId45"/>
    <sheet name="44" sheetId="160" r:id="rId46"/>
  </sheets>
  <definedNames>
    <definedName name="_" localSheetId="6" hidden="1">{#N/A,#N/A,FALSE,"d111a-bdie-d"}</definedName>
    <definedName name="_" hidden="1">{#N/A,#N/A,FALSE,"d111a-bdie-d"}</definedName>
    <definedName name="___key1" hidden="1">#REF!</definedName>
    <definedName name="__123Graph_A" hidden="1">#REF!</definedName>
    <definedName name="__123Graph_ACONTRACTS" hidden="1">#REF!</definedName>
    <definedName name="__123Graph_ACONTRT" hidden="1">#REF!</definedName>
    <definedName name="__123Graph_AINSTALL" hidden="1">#REF!</definedName>
    <definedName name="__123Graph_B" hidden="1">#REF!</definedName>
    <definedName name="__123Graph_BCONTRACTS" hidden="1">#REF!</definedName>
    <definedName name="__123Graph_BCONTRT" hidden="1">#REF!</definedName>
    <definedName name="__123Graph_BINSTALL" hidden="1">#REF!</definedName>
    <definedName name="__123Graph_C" hidden="1">#REF!</definedName>
    <definedName name="__123Graph_CCONTRT" hidden="1">#REF!</definedName>
    <definedName name="__123Graph_CINSTALL" hidden="1">#REF!</definedName>
    <definedName name="__123Graph_X" hidden="1">#REF!</definedName>
    <definedName name="__f4" hidden="1">#REF!</definedName>
    <definedName name="__f45" hidden="1">#REF!</definedName>
    <definedName name="__g5" hidden="1">#REF!</definedName>
    <definedName name="__key1" hidden="1">#REF!</definedName>
    <definedName name="_30360" hidden="1">2</definedName>
    <definedName name="_360" hidden="1">2</definedName>
    <definedName name="_act" hidden="1">1</definedName>
    <definedName name="_act.act" hidden="1">1</definedName>
    <definedName name="_actual" hidden="1">1</definedName>
    <definedName name="_adjust" hidden="1">1</definedName>
    <definedName name="_ann" hidden="1">1</definedName>
    <definedName name="_annual" hidden="1">1</definedName>
    <definedName name="_atmat" hidden="1">2</definedName>
    <definedName name="_atmaturity" hidden="1">2</definedName>
    <definedName name="_bond" hidden="1">3</definedName>
    <definedName name="_default" hidden="1">-1</definedName>
    <definedName name="_dflt" hidden="1">-1</definedName>
    <definedName name="_disc" hidden="1">1</definedName>
    <definedName name="_discount" hidden="1">1</definedName>
    <definedName name="_dontadjust" hidden="1">0</definedName>
    <definedName name="_e360" hidden="1">3</definedName>
    <definedName name="_eom" hidden="1">1</definedName>
    <definedName name="_f4" hidden="1">#REF!</definedName>
    <definedName name="_f45" hidden="1">#REF!</definedName>
    <definedName name="_Fill" hidden="1">#REF!</definedName>
    <definedName name="_xlnm._FilterDatabase" localSheetId="1" hidden="1">Índice!$B$5:$E$50</definedName>
    <definedName name="_xlnm._FilterDatabase" hidden="1">#REF!</definedName>
    <definedName name="_full" hidden="1">1</definedName>
    <definedName name="_fullprecision" hidden="1">1</definedName>
    <definedName name="_g5" hidden="1">#REF!</definedName>
    <definedName name="_indstd" hidden="1">-1</definedName>
    <definedName name="_infl" hidden="1">7</definedName>
    <definedName name="_inflation" hidden="1">7</definedName>
    <definedName name="_isma30360" hidden="1">3</definedName>
    <definedName name="_isma360" hidden="1">3</definedName>
    <definedName name="_Key1" hidden="1">#REF!</definedName>
    <definedName name="_Key2" hidden="1">#REF!</definedName>
    <definedName name="_monthly" hidden="1">12</definedName>
    <definedName name="_mth" hidden="1">12</definedName>
    <definedName name="_multi" hidden="1">5</definedName>
    <definedName name="_multistep" hidden="1">5</definedName>
    <definedName name="_n360" hidden="1">4</definedName>
    <definedName name="_nasd30360" hidden="1">4</definedName>
    <definedName name="_nasd360" hidden="1">4</definedName>
    <definedName name="_noneom" hidden="1">0</definedName>
    <definedName name="_Order1" hidden="1">255</definedName>
    <definedName name="_Order2" hidden="1">255</definedName>
    <definedName name="_pik" hidden="1">6</definedName>
    <definedName name="_qrt" hidden="1">4</definedName>
    <definedName name="_quarterly" hidden="1">4</definedName>
    <definedName name="_Regression_Int" hidden="1">1</definedName>
    <definedName name="_round" hidden="1">0</definedName>
    <definedName name="_roundtrunc" hidden="1">0</definedName>
    <definedName name="_semi" hidden="1">2</definedName>
    <definedName name="_semiannual" hidden="1">2</definedName>
    <definedName name="_singlestep" hidden="1">4</definedName>
    <definedName name="_Sort" hidden="1">#REF!</definedName>
    <definedName name="_step" hidden="1">4</definedName>
    <definedName name="_us30360" hidden="1">2</definedName>
    <definedName name="_USA" hidden="1">2</definedName>
    <definedName name="_usagency" hidden="1">2</definedName>
    <definedName name="_USC" hidden="1">4</definedName>
    <definedName name="_uscorp" hidden="1">4</definedName>
    <definedName name="_uscorporate" hidden="1">4</definedName>
    <definedName name="_USM" hidden="1">3</definedName>
    <definedName name="_usmuni" hidden="1">3</definedName>
    <definedName name="_usmunicipal" hidden="1">3</definedName>
    <definedName name="_UST" hidden="1">1</definedName>
    <definedName name="_ustreasury" hidden="1">1</definedName>
    <definedName name="A" hidden="1">#REF!</definedName>
    <definedName name="aaa" localSheetId="6" hidden="1">{"'Parte I (BPA)'!$A$1:$A$3"}</definedName>
    <definedName name="aaa" hidden="1">{"'Parte I (BPA)'!$A$1:$A$3"}</definedName>
    <definedName name="AAAAAA" localSheetId="6" hidden="1">{"'Parte I (BPA)'!$A$1:$A$3"}</definedName>
    <definedName name="AAAAAA" hidden="1">{"'Parte I (BPA)'!$A$1:$A$3"}</definedName>
    <definedName name="AB" localSheetId="6" hidden="1">#REF!</definedName>
    <definedName name="AB" hidden="1">#REF!</definedName>
    <definedName name="as" hidden="1">#REF!</definedName>
    <definedName name="AS2DocOpenMode" hidden="1">"AS2DocumentEdit"</definedName>
    <definedName name="AS2HasNoAutoHeaderFooter" hidden="1">" "</definedName>
    <definedName name="AS2NamedRange" hidden="1">24</definedName>
    <definedName name="AS2ReportLS" hidden="1">1</definedName>
    <definedName name="AS2StaticLS" hidden="1">#REF!</definedName>
    <definedName name="AS2SyncStepLS" hidden="1">0</definedName>
    <definedName name="AS2TickmarkLS" hidden="1">#REF!</definedName>
    <definedName name="AS2VersionLS" hidden="1">300</definedName>
    <definedName name="asdc" hidden="1">21</definedName>
    <definedName name="asdf" hidden="1">#REF!</definedName>
    <definedName name="bbbbbbbbbbbb" hidden="1">#REF!</definedName>
    <definedName name="bbbbbbbbbbbbbbbb" localSheetId="6" hidden="1">#REF!</definedName>
    <definedName name="bbbbbbbbbbbbbbbb" hidden="1">#REF!</definedName>
    <definedName name="BG_Del" hidden="1">15</definedName>
    <definedName name="BG_Ins" hidden="1">4</definedName>
    <definedName name="BG_Mod" hidden="1">6</definedName>
    <definedName name="BLPH10" hidden="1">#REF!</definedName>
    <definedName name="BLPH11" hidden="1">#REF!</definedName>
    <definedName name="BLPH15" localSheetId="6" hidden="1">#REF!</definedName>
    <definedName name="BLPH15" hidden="1">#REF!</definedName>
    <definedName name="BLPH21" localSheetId="6" hidden="1">#REF!</definedName>
    <definedName name="BLPH21" hidden="1">#REF!</definedName>
    <definedName name="BLPH23" localSheetId="6" hidden="1">#REF!</definedName>
    <definedName name="BLPH23" hidden="1">#REF!</definedName>
    <definedName name="BLPH25" hidden="1">#REF!</definedName>
    <definedName name="BLPH26" hidden="1">#REF!</definedName>
    <definedName name="BLPH27" hidden="1">#REF!</definedName>
    <definedName name="BLPH28" hidden="1">#REF!</definedName>
    <definedName name="BLPH30" hidden="1">#REF!</definedName>
    <definedName name="BLPH31" hidden="1">#REF!</definedName>
    <definedName name="BLPH32" hidden="1">#REF!</definedName>
    <definedName name="BLPH35" hidden="1">#REF!</definedName>
    <definedName name="BLPH36" hidden="1">#REF!</definedName>
    <definedName name="BLPH4" hidden="1">#REF!</definedName>
    <definedName name="BLPH44" localSheetId="6" hidden="1">#REF!</definedName>
    <definedName name="BLPH44" hidden="1">#REF!</definedName>
    <definedName name="BLPH5" hidden="1">#REF!</definedName>
    <definedName name="BLPH52" hidden="1">#REF!</definedName>
    <definedName name="BLPH6" hidden="1">#REF!</definedName>
    <definedName name="BLPH8" hidden="1">#REF!</definedName>
    <definedName name="BLPH9" hidden="1">#REF!</definedName>
    <definedName name="catia" localSheetId="6" hidden="1">#REF!</definedName>
    <definedName name="catia" hidden="1">#REF!</definedName>
    <definedName name="cccccccccccc" hidden="1">#REF!</definedName>
    <definedName name="cddcd" localSheetId="6" hidden="1">#REF!</definedName>
    <definedName name="cddcd" hidden="1">#REF!</definedName>
    <definedName name="Client" hidden="1">#REF!</definedName>
    <definedName name="d" localSheetId="6" hidden="1">#REF!</definedName>
    <definedName name="d" hidden="1">#REF!</definedName>
    <definedName name="dd" localSheetId="6" hidden="1">{"'Parte I (BPA)'!$A$1:$A$3"}</definedName>
    <definedName name="dd" hidden="1">{"'Parte I (BPA)'!$A$1:$A$3"}</definedName>
    <definedName name="DDADA" hidden="1">#REF!</definedName>
    <definedName name="ddddd" localSheetId="6" hidden="1">#REF!</definedName>
    <definedName name="ddddd" hidden="1">#REF!</definedName>
    <definedName name="dddddddddddddddddddddddd" localSheetId="6" hidden="1">#REF!</definedName>
    <definedName name="dddddddddddddddddddddddd" hidden="1">#REF!</definedName>
    <definedName name="dfd" localSheetId="6" hidden="1">{"'Parte I (BPA)'!$A$1:$A$3"}</definedName>
    <definedName name="dfd" hidden="1">{"'Parte I (BPA)'!$A$1:$A$3"}</definedName>
    <definedName name="dqdqd" hidden="1">#REF!</definedName>
    <definedName name="dqdqdx" hidden="1">#REF!</definedName>
    <definedName name="dsacdw"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dsacdw"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 hidden="1">#REF!</definedName>
    <definedName name="ED" localSheetId="6" hidden="1">{"vista1",#N/A,FALSE,"SCH";"vista2",#N/A,FALSE,"SCH"}</definedName>
    <definedName name="ED" hidden="1">{"vista1",#N/A,FALSE,"SCH";"vista2",#N/A,FALSE,"SCH"}</definedName>
    <definedName name="er" hidden="1">23</definedName>
    <definedName name="eri" hidden="1">#REF!</definedName>
    <definedName name="error" localSheetId="6" hidden="1">{"vista1",#N/A,FALSE,"SCH";"vista2",#N/A,FALSE,"SCH"}</definedName>
    <definedName name="error" hidden="1">{"vista1",#N/A,FALSE,"SCH";"vista2",#N/A,FALSE,"SCH"}</definedName>
    <definedName name="ert"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ert"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fdfd" hidden="1">#REF!</definedName>
    <definedName name="fds" hidden="1">#REF!</definedName>
    <definedName name="fdsa" hidden="1">#REF!</definedName>
    <definedName name="fdsfdsfdsfdsfgfd" hidden="1">#REF!</definedName>
    <definedName name="fghfdrtfd" hidden="1">#REF!</definedName>
    <definedName name="fILIPE" hidden="1">#REF!</definedName>
    <definedName name="fina" localSheetId="6" hidden="1">{"'Parte I (BPA)'!$A$1:$A$3"}</definedName>
    <definedName name="fina" hidden="1">{"'Parte I (BPA)'!$A$1:$A$3"}</definedName>
    <definedName name="fr" hidden="1">#REF!</definedName>
    <definedName name="fsi" hidden="1">#REF!</definedName>
    <definedName name="g" hidden="1">#REF!</definedName>
    <definedName name="Gauge" hidden="1">#REF!</definedName>
    <definedName name="GaugeBase" hidden="1">#REF!</definedName>
    <definedName name="gfd" localSheetId="6" hidden="1">#REF!</definedName>
    <definedName name="gfd" hidden="1">#REF!</definedName>
    <definedName name="gfdd" hidden="1">#REF!</definedName>
    <definedName name="gfdddddddddddddd" hidden="1">#REF!</definedName>
    <definedName name="gfdgfdygf" hidden="1">#REF!</definedName>
    <definedName name="gfds" hidden="1">#REF!</definedName>
    <definedName name="gfdsa" hidden="1">#REF!</definedName>
    <definedName name="gfdsafdsa" hidden="1">#REF!</definedName>
    <definedName name="gfdsagfds" hidden="1">#REF!</definedName>
    <definedName name="gfdsfg" hidden="1">#REF!</definedName>
    <definedName name="gfdsgfds" hidden="1">#REF!</definedName>
    <definedName name="gfdsreds" hidden="1">#REF!</definedName>
    <definedName name="gfdsw" hidden="1">#REF!</definedName>
    <definedName name="gg" hidden="1">#REF!</definedName>
    <definedName name="ggg" hidden="1">#REF!</definedName>
    <definedName name="ggggg" hidden="1">#REF!</definedName>
    <definedName name="gggggggggggfffffffffff" hidden="1">#REF!</definedName>
    <definedName name="gggggggggggggggggggg" hidden="1">#REF!</definedName>
    <definedName name="hgfd" hidden="1">#REF!</definedName>
    <definedName name="hgfdsagfds" hidden="1">#REF!</definedName>
    <definedName name="hgggfvcdsasdfrews" hidden="1">#REF!</definedName>
    <definedName name="hhhh" hidden="1">#REF!</definedName>
    <definedName name="hjfjfjfjfjjhf" hidden="1">#REF!</definedName>
    <definedName name="HTML_CodePage" hidden="1">1252</definedName>
    <definedName name="HTML_Control" localSheetId="6" hidden="1">{"'Parte I (BPA)'!$A$1:$A$3"}</definedName>
    <definedName name="HTML_Control" hidden="1">{"'Parte I (BPA)'!$A$1:$A$3"}</definedName>
    <definedName name="HTML_Description" hidden="1">""</definedName>
    <definedName name="HTML_Email" hidden="1">""</definedName>
    <definedName name="HTML_Header" hidden="1">"Parte I (BPA)"</definedName>
    <definedName name="HTML_LastUpdate" hidden="1">"04.08.2000"</definedName>
    <definedName name="HTML_LineAfter" hidden="1">FALSE</definedName>
    <definedName name="HTML_LineBefore" hidden="1">FALSE</definedName>
    <definedName name="HTML_Name" hidden="1">"Rui Soares"</definedName>
    <definedName name="HTML_New" localSheetId="6" hidden="1">{"'Parte I (BPA)'!$A$1:$A$3"}</definedName>
    <definedName name="HTML_New" hidden="1">{"'Parte I (BPA)'!$A$1:$A$3"}</definedName>
    <definedName name="HTML_OBDlg2" hidden="1">TRUE</definedName>
    <definedName name="HTML_OBDlg4" hidden="1">TRUE</definedName>
    <definedName name="HTML_OS" hidden="1">0</definedName>
    <definedName name="HTML_PathFile" hidden="1">"I:\Data\Mapas de Provisões\2000\MyHTML.htm"</definedName>
    <definedName name="HTML_Title" hidden="1">"BCP Act Global - 2"</definedName>
    <definedName name="iiiiiiiiiiiiiiiiiiiii" hidden="1">#REF!</definedName>
    <definedName name="inf"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nf"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Q_DNTM" hidden="1">7000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LATESTK" hidden="1">1000</definedName>
    <definedName name="IQ_LATESTQ" hidden="1">500</definedName>
    <definedName name="IQ_LTMMONTH" hidden="1">120000</definedName>
    <definedName name="IQ_MTD" hidden="1">800000</definedName>
    <definedName name="IQ_NAMES_REVISION_DATE_" hidden="1">"03/14/2016 09:05:37"</definedName>
    <definedName name="IQ_QTD" hidden="1">750000</definedName>
    <definedName name="IQ_TODAY" hidden="1">0</definedName>
    <definedName name="IQ_YTDMONTH" hidden="1">130000</definedName>
    <definedName name="iris" hidden="1">#REF!</definedName>
    <definedName name="iu"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iu"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J" localSheetId="6" hidden="1">{"vista1",#N/A,FALSE,"SCH";"vista2",#N/A,FALSE,"SCH"}</definedName>
    <definedName name="J" hidden="1">{"vista1",#N/A,FALSE,"SCH";"vista2",#N/A,FALSE,"SCH"}</definedName>
    <definedName name="jhg" hidden="1">#REF!</definedName>
    <definedName name="jhgvf" hidden="1">#REF!</definedName>
    <definedName name="jjjjjjjjjj" hidden="1">#REF!</definedName>
    <definedName name="jjjjjjjjjjjjjjjjjjjj" localSheetId="6" hidden="1">{"'Parte I (BPA)'!$A$1:$A$3"}</definedName>
    <definedName name="jjjjjjjjjjjjjjjjjjjj" hidden="1">{"'Parte I (BPA)'!$A$1:$A$3"}</definedName>
    <definedName name="jkkkkkkkkkkkkkk" hidden="1">1</definedName>
    <definedName name="k" hidden="1">#REF!</definedName>
    <definedName name="karate" hidden="1">#REF!</definedName>
    <definedName name="KKK"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KK"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ks" localSheetId="6" hidden="1">#REF!</definedName>
    <definedName name="ks" hidden="1">#REF!</definedName>
    <definedName name="lll" hidden="1">#REF!</definedName>
    <definedName name="LUIS" hidden="1">#REF!</definedName>
    <definedName name="miriam" hidden="1">#REF!</definedName>
    <definedName name="mmmm" localSheetId="6" hidden="1">#REF!</definedName>
    <definedName name="mmmm" hidden="1">#REF!</definedName>
    <definedName name="Ñ" localSheetId="6" hidden="1">{"vista1",#N/A,FALSE,"SCH";"vista2",#N/A,FALSE,"SCH"}</definedName>
    <definedName name="Ñ" hidden="1">{"vista1",#N/A,FALSE,"SCH";"vista2",#N/A,FALSE,"SCH"}</definedName>
    <definedName name="nbv" hidden="1">#REF!</definedName>
    <definedName name="nmmmmmmmmmmmmmmmmmmmmmmmmmmmmmmm" hidden="1">#REF!</definedName>
    <definedName name="nmnb" hidden="1">#REF!</definedName>
    <definedName name="Nota13_2007"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ota13_2007"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nuevo" localSheetId="6" hidden="1">{"vista1",#N/A,FALSE,"SCH";"vista2",#N/A,FALSE,"SCH"}</definedName>
    <definedName name="nuevo" hidden="1">{"vista1",#N/A,FALSE,"SCH";"vista2",#N/A,FALSE,"SCH"}</definedName>
    <definedName name="o" hidden="1">#REF!</definedName>
    <definedName name="oi" localSheetId="6" hidden="1">#REF!</definedName>
    <definedName name="oi" hidden="1">#REF!</definedName>
    <definedName name="ooo" hidden="1">2</definedName>
    <definedName name="p" hidden="1">2</definedName>
    <definedName name="pçlokj" hidden="1">#REF!</definedName>
    <definedName name="porra" hidden="1">#REF!</definedName>
    <definedName name="pp"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p"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_xlnm.Print_Area" localSheetId="19">'18'!$A$1:$K$39</definedName>
    <definedName name="_xlnm.Print_Area" localSheetId="8">'7'!$A$1:$T$29</definedName>
    <definedName name="_xlnm.Print_Area" localSheetId="0">Capa!$A$1:$Z$16</definedName>
    <definedName name="_xlnm.Print_Area" localSheetId="1">Índice!$A$1:$F$50</definedName>
    <definedName name="prueba"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prueba"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2E1E" hidden="1">#REF!</definedName>
    <definedName name="qqqqq"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qqqq"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quotizacoes" localSheetId="6" hidden="1">{"'Parte I (BPA)'!$A$1:$A$3"}</definedName>
    <definedName name="quotizacoes" hidden="1">{"'Parte I (BPA)'!$A$1:$A$3"}</definedName>
    <definedName name="Realiz" hidden="1">#REF!</definedName>
    <definedName name="rivotti" hidden="1">#REF!</definedName>
    <definedName name="rt" hidden="1">#REF!</definedName>
    <definedName name="s" hidden="1">#REF!</definedName>
    <definedName name="SAPBEXrevision" hidden="1">1</definedName>
    <definedName name="SAPBEXsysID" hidden="1">"PW1"</definedName>
    <definedName name="SAPBEXwbID" hidden="1">"3JGKH3H9E8QXY6XFBZVZDMFO6"</definedName>
    <definedName name="sexta4" localSheetId="6" hidden="1">#REF!</definedName>
    <definedName name="sexta4" hidden="1">#REF!</definedName>
    <definedName name="solver_lin" hidden="1">0</definedName>
    <definedName name="solver_num" hidden="1">0</definedName>
    <definedName name="solver_opt" hidden="1">#REF!</definedName>
    <definedName name="solver_typ" hidden="1">3</definedName>
    <definedName name="solver_val" hidden="1">1</definedName>
    <definedName name="swqsxqw"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wqsxqw"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SXAX" hidden="1">#REF!</definedName>
    <definedName name="teresa" hidden="1">#REF!</definedName>
    <definedName name="TextRefCopyRangeCount" hidden="1">1</definedName>
    <definedName name="TotalAssets" hidden="1">#REF!</definedName>
    <definedName name="TotalRevenue" hidden="1">#REF!</definedName>
    <definedName name="TRNR_5cc1995c6b1841c191dff95400c25a5f_123_1" localSheetId="38" hidden="1">#REF!</definedName>
    <definedName name="TRNR_5cc1995c6b1841c191dff95400c25a5f_123_1" localSheetId="6" hidden="1">#REF!</definedName>
    <definedName name="TRNR_5cc1995c6b1841c191dff95400c25a5f_123_1" hidden="1">#REF!</definedName>
    <definedName name="TRNR_8c384ad4934f4b269980f3c3194c1461_37_1" localSheetId="38" hidden="1">#REF!</definedName>
    <definedName name="TRNR_8c384ad4934f4b269980f3c3194c1461_37_1" localSheetId="6" hidden="1">#REF!</definedName>
    <definedName name="TRNR_8c384ad4934f4b269980f3c3194c1461_37_1" hidden="1">#REF!</definedName>
    <definedName name="TRNR_f6ed9ba0ccd54407905b765622a1c5f4_363_1" localSheetId="38" hidden="1">#REF!</definedName>
    <definedName name="TRNR_f6ed9ba0ccd54407905b765622a1c5f4_363_1" localSheetId="6" hidden="1">#REF!</definedName>
    <definedName name="TRNR_f6ed9ba0ccd54407905b765622a1c5f4_363_1" hidden="1">#REF!</definedName>
    <definedName name="tt" hidden="1">#REF!</definedName>
    <definedName name="ttt" hidden="1">#REF!</definedName>
    <definedName name="tttkkk" hidden="1">#REF!</definedName>
    <definedName name="uuu"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uu"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uyd" hidden="1">#REF!</definedName>
    <definedName name="uytrdes" hidden="1">#REF!</definedName>
    <definedName name="v" hidden="1">#REF!</definedName>
    <definedName name="vc" hidden="1">#REF!</definedName>
    <definedName name="vfcf" hidden="1">#REF!</definedName>
    <definedName name="vtg" localSheetId="6" hidden="1">#REF!</definedName>
    <definedName name="vtg" hidden="1">#REF!</definedName>
    <definedName name="vvvvvv" hidden="1">#REF!</definedName>
    <definedName name="w" hidden="1">1</definedName>
    <definedName name="wq" hidden="1">#REF!</definedName>
    <definedName name="wqfrq" hidden="1">#REF!</definedName>
    <definedName name="wrn.Aging._.and._.Trend._.Analysis." localSheetId="6"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GERAL." localSheetId="6" hidden="1">{#N/A,#N/A,FALSE,"bsp";#N/A,#N/A,FALSE,"BSNP";#N/A,#N/A,FALSE,"cpp";#N/A,#N/A,FALSE,"BTA";#N/A,#N/A,FALSE,"resumo grupo BSCH Portugal (2)"}</definedName>
    <definedName name="wrn.GERAL." hidden="1">{#N/A,#N/A,FALSE,"bsp";#N/A,#N/A,FALSE,"BSNP";#N/A,#N/A,FALSE,"cpp";#N/A,#N/A,FALSE,"BTA";#N/A,#N/A,FALSE,"resumo grupo BSCH Portugal (2)"}</definedName>
    <definedName name="wrn.INFORME." localSheetId="6" hidden="1">{"GENERAL NEGOCIO",#N/A,FALSE,"DATOS";"EJECUTIVO NEGOCIO",#N/A,FALSE,"DATOS";"COLECTIVOS",#N/A,FALSE,"DATOS";"GENERAL",#N/A,FALSE,"DATOS";"EJECUTIVO",#N/A,FALSE,"DATOS"}</definedName>
    <definedName name="wrn.INFORME." hidden="1">{"GENERAL NEGOCIO",#N/A,FALSE,"DATOS";"EJECUTIVO NEGOCIO",#N/A,FALSE,"DATOS";"COLECTIVOS",#N/A,FALSE,"DATOS";"GENERAL",#N/A,FALSE,"DATOS";"EJECUTIVO",#N/A,FALSE,"DATOS"}</definedName>
    <definedName name="wrn.libromensual." localSheetId="6" hidden="1">{"Caratula",#N/A,FALSE,"RESUMEN";"librolocal",#N/A,FALSE,"RES_LOCAL";"librodolar",#N/A,FALSE,"RES_INT_EXT";"librointerno",#N/A,FALSE,"RES_USDINT";"libroexterno",#N/A,FALSE,"RES_USDEXT"}</definedName>
    <definedName name="wrn.libromensual." hidden="1">{"Caratula",#N/A,FALSE,"RESUMEN";"librolocal",#N/A,FALSE,"RES_LOCAL";"librodolar",#N/A,FALSE,"RES_INT_EXT";"librointerno",#N/A,FALSE,"RES_USDINT";"libroexterno",#N/A,FALSE,"RES_USDEXT"}</definedName>
    <definedName name="wrn.M22." localSheetId="6" hidden="1">{#N/A,#N/A,FALSE,"QD07";#N/A,#N/A,FALSE,"QD09";#N/A,#N/A,FALSE,"QD10";#N/A,#N/A,FALSE,"DERRAMA";#N/A,#N/A,FALSE,"CORRECÇ. FISCAIS";#N/A,#N/A,FALSE,"BEN.FISCAIS";#N/A,#N/A,FALSE,"TRIB.AUTONOMA"}</definedName>
    <definedName name="wrn.M22." hidden="1">{#N/A,#N/A,FALSE,"QD07";#N/A,#N/A,FALSE,"QD09";#N/A,#N/A,FALSE,"QD10";#N/A,#N/A,FALSE,"DERRAMA";#N/A,#N/A,FALSE,"CORRECÇ. FISCAIS";#N/A,#N/A,FALSE,"BEN.FISCAIS";#N/A,#N/A,FALSE,"TRIB.AUTONOMA"}</definedName>
    <definedName name="wrn.pdf." localSheetId="6" hidden="1">{#N/A,#N/A,FALSE,"d111a-bdie-d"}</definedName>
    <definedName name="wrn.pdf." hidden="1">{#N/A,#N/A,FALSE,"d111a-bdie-d"}</definedName>
    <definedName name="wrn.PSPRelatório." localSheetId="6"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PSPRelatório." hidden="1">{#N/A,#N/A,TRUE,"Resumo Geral";#N/A,#N/A,TRUE,"Prov CVenvido";#N/A,#N/A,TRUE,"Prov RGC";#N/A,#N/A,TRUE,"Prov. Títulos";#N/A,#N/A,TRUE,"Prov. Participações";#N/A,#N/A,TRUE,"Riscos País";#N/A,#N/A,TRUE,"Utilização_Prov";#N/A,#N/A,TRUE,"Utilizações";#N/A,#N/A,TRUE,"Reposições";#N/A,#N/A,TRUE,"Dotações";#N/A,#N/A,TRUE,"CCDuvidosa";#N/A,#N/A,TRUE,"Conting_Clientes";#N/A,#N/A,TRUE,"Conting_Pessoal";#N/A,#N/A,TRUE,"Riscos Banc Gerais"}</definedName>
    <definedName name="wrn.Relatório._.Mensal." localSheetId="2" hidden="1">{"Contrlo GP1",#N/A,FALSE,"Controlo G&amp;P";"Controlo GP2",#N/A,FALSE,"Controlo G&amp;P";#N/A,#N/A,FALSE,"Controlo PM";#N/A,#N/A,FALSE,"Controlo Orçamental - Produtos";#N/A,#N/A,FALSE,"Ganhos Grupo BPI"}</definedName>
    <definedName name="wrn.Relatório._.Mensal." localSheetId="6" hidden="1">{"Contrlo GP1",#N/A,FALSE,"Controlo G&amp;P";"Controlo GP2",#N/A,FALSE,"Controlo G&amp;P";#N/A,#N/A,FALSE,"Controlo PM";#N/A,#N/A,FALSE,"Controlo Orçamental - Produtos";#N/A,#N/A,FALSE,"Ganhos Grupo BPI"}</definedName>
    <definedName name="wrn.Relatório._.Mensal." hidden="1">{"Contrlo GP1",#N/A,FALSE,"Controlo G&amp;P";"Controlo GP2",#N/A,FALSE,"Controlo G&amp;P";#N/A,#N/A,FALSE,"Controlo PM";#N/A,#N/A,FALSE,"Controlo Orçamental - Produtos";#N/A,#N/A,FALSE,"Ganhos Grupo BPI"}</definedName>
    <definedName name="wrn.SCH._.SEGUROS." localSheetId="6" hidden="1">{"vista1",#N/A,FALSE,"SCH";"vista2",#N/A,FALSE,"SCH"}</definedName>
    <definedName name="wrn.SCH._.SEGUROS." hidden="1">{"vista1",#N/A,FALSE,"SCH";"vista2",#N/A,FALSE,"SCH"}</definedName>
    <definedName name="wrn.TESTE." localSheetId="6" hidden="1">{"BAL",#N/A,TRUE,"FINANÇAS";"RUB",#N/A,TRUE,"FINANÇAS";"ASSI",#N/A,TRUE,"FINANÇAS"}</definedName>
    <definedName name="wrn.TESTE." hidden="1">{"BAL",#N/A,TRUE,"FINANÇAS";"RUB",#N/A,TRUE,"FINANÇAS";"ASSI",#N/A,TRUE,"FINANÇAS"}</definedName>
    <definedName name="wrn.Total._.Pack." localSheetId="6" hidden="1">{#N/A,#N/A,FALSE,"UK";#N/A,#N/A,FALSE,"FR";#N/A,#N/A,FALSE,"SWE";#N/A,#N/A,FALSE,"BE";#N/A,#N/A,FALSE,"IT";#N/A,#N/A,FALSE,"SP";#N/A,#N/A,FALSE,"GE";#N/A,#N/A,FALSE,"PO";#N/A,#N/A,FALSE,"SWI";#N/A,#N/A,FALSE,"NON"}</definedName>
    <definedName name="wrn.Total._.Pack." hidden="1">{#N/A,#N/A,FALSE,"UK";#N/A,#N/A,FALSE,"FR";#N/A,#N/A,FALSE,"SWE";#N/A,#N/A,FALSE,"BE";#N/A,#N/A,FALSE,"IT";#N/A,#N/A,FALSE,"SP";#N/A,#N/A,FALSE,"GE";#N/A,#N/A,FALSE,"PO";#N/A,#N/A,FALSE,"SWI";#N/A,#N/A,FALSE,"NON"}</definedName>
    <definedName name="wrn.Total._.Summary." localSheetId="6" hidden="1">{#N/A,#N/A,FALSE,"Summary";#N/A,#N/A,FALSE,"Total";#N/A,#N/A,FALSE,"Total ex Swe";#N/A,#N/A,FALSE,"Volume";#N/A,#N/A,FALSE,"Expenses";#N/A,#N/A,FALSE,"CM Var";#N/A,#N/A,FALSE,"YTD Var"}</definedName>
    <definedName name="wrn.Total._.Summary." hidden="1">{#N/A,#N/A,FALSE,"Summary";#N/A,#N/A,FALSE,"Total";#N/A,#N/A,FALSE,"Total ex Swe";#N/A,#N/A,FALSE,"Volume";#N/A,#N/A,FALSE,"Expenses";#N/A,#N/A,FALSE,"CM Var";#N/A,#N/A,FALSE,"YTD Var"}</definedName>
    <definedName name="ws" hidden="1">#REF!</definedName>
    <definedName name="ww" hidden="1">#REF!</definedName>
    <definedName name="www" hidden="1">#REF!</definedName>
    <definedName name="wwwwwwwwwwwwwwwwwwwwww" hidden="1">#REF!</definedName>
    <definedName name="XEF_COLUM_2" localSheetId="6" hidden="1">#REF!</definedName>
    <definedName name="XEF_COLUM_2" hidden="1">#REF!</definedName>
    <definedName name="XREF_COLUMN_1" hidden="1">#REF!</definedName>
    <definedName name="XREF_COLUMN_10" hidden="1">#REF!</definedName>
    <definedName name="XREF_COLUMN_11" hidden="1">#REF!</definedName>
    <definedName name="XREF_COLUMN_12" hidden="1">#REF!</definedName>
    <definedName name="XREF_COLUMN_13" hidden="1">#REF!</definedName>
    <definedName name="XREF_COLUMN_14" hidden="1">#REF!</definedName>
    <definedName name="XREF_COLUMN_15" hidden="1">#REF!</definedName>
    <definedName name="XREF_COLUMN_16" hidden="1">#REF!</definedName>
    <definedName name="XREF_COLUMN_17" hidden="1">#REF!</definedName>
    <definedName name="XREF_COLUMN_18" hidden="1">#REF!</definedName>
    <definedName name="XREF_COLUMN_19" hidden="1">#REF!</definedName>
    <definedName name="XREF_COLUMN_2" hidden="1">#REF!</definedName>
    <definedName name="XREF_COLUMN_20" hidden="1">#REF!</definedName>
    <definedName name="XREF_COLUMN_21" hidden="1">#REF!</definedName>
    <definedName name="XREF_COLUMN_22" hidden="1">#REF!</definedName>
    <definedName name="XREF_COLUMN_23" hidden="1">#REF!</definedName>
    <definedName name="XREF_COLUMN_24" hidden="1">#REF!</definedName>
    <definedName name="XREF_COLUMN_25" hidden="1">#REF!</definedName>
    <definedName name="XREF_COLUMN_26" hidden="1">#REF!</definedName>
    <definedName name="XREF_COLUMN_27" hidden="1">#REF!</definedName>
    <definedName name="XREF_COLUMN_28" hidden="1">#REF!</definedName>
    <definedName name="XREF_COLUMN_29" hidden="1">#REF!</definedName>
    <definedName name="XREF_COLUMN_3" hidden="1">#REF!</definedName>
    <definedName name="XREF_COLUMN_30" hidden="1">#REF!</definedName>
    <definedName name="XREF_COLUMN_31" hidden="1">#REF!</definedName>
    <definedName name="XREF_COLUMN_32" hidden="1">#REF!</definedName>
    <definedName name="XREF_COLUMN_33" hidden="1">#REF!</definedName>
    <definedName name="XREF_COLUMN_34" hidden="1">#REF!</definedName>
    <definedName name="XREF_COLUMN_35" hidden="1">#REF!</definedName>
    <definedName name="XREF_COLUMN_36" hidden="1">#REF!</definedName>
    <definedName name="XREF_COLUMN_37" hidden="1">#REF!</definedName>
    <definedName name="XREF_COLUMN_38" hidden="1">#REF!</definedName>
    <definedName name="XREF_COLUMN_39" hidden="1">#REF!</definedName>
    <definedName name="XREF_COLUMN_4" hidden="1">#REF!</definedName>
    <definedName name="XREF_COLUMN_40" hidden="1">#REF!</definedName>
    <definedName name="XREF_COLUMN_41" hidden="1">#REF!</definedName>
    <definedName name="XREF_COLUMN_42" hidden="1">#REF!</definedName>
    <definedName name="XREF_COLUMN_43" hidden="1">#REF!</definedName>
    <definedName name="XREF_COLUMN_44" hidden="1">#REF!</definedName>
    <definedName name="XREF_COLUMN_45" hidden="1">#REF!</definedName>
    <definedName name="XREF_COLUMN_46" hidden="1">#REF!</definedName>
    <definedName name="XREF_COLUMN_47" hidden="1">#REF!</definedName>
    <definedName name="XREF_COLUMN_48" hidden="1">#REF!</definedName>
    <definedName name="XREF_COLUMN_49" hidden="1">#REF!</definedName>
    <definedName name="XREF_COLUMN_5" hidden="1">#REF!</definedName>
    <definedName name="XREF_COLUMN_50" hidden="1">#REF!</definedName>
    <definedName name="XREF_COLUMN_51" hidden="1">#REF!</definedName>
    <definedName name="XREF_COLUMN_52" hidden="1">#REF!</definedName>
    <definedName name="XREF_COLUMN_53" hidden="1">#REF!</definedName>
    <definedName name="XREF_COLUMN_54" hidden="1">#REF!</definedName>
    <definedName name="XREF_COLUMN_55" hidden="1">#REF!</definedName>
    <definedName name="XREF_COLUMN_56" hidden="1">#REF!</definedName>
    <definedName name="XREF_COLUMN_57" hidden="1">#REF!</definedName>
    <definedName name="XREF_COLUMN_58" hidden="1">#REF!</definedName>
    <definedName name="XREF_COLUMN_59" hidden="1">#REF!</definedName>
    <definedName name="XREF_COLUMN_6" hidden="1">#REF!</definedName>
    <definedName name="XREF_COLUMN_60" hidden="1">#REF!</definedName>
    <definedName name="XREF_COLUMN_61" hidden="1">#REF!</definedName>
    <definedName name="XREF_COLUMN_62" hidden="1">#REF!</definedName>
    <definedName name="XREF_COLUMN_63" hidden="1">#REF!</definedName>
    <definedName name="XREF_COLUMN_64" hidden="1">#REF!</definedName>
    <definedName name="XREF_COLUMN_65" hidden="1">#REF!</definedName>
    <definedName name="XREF_COLUMN_66" hidden="1">#REF!</definedName>
    <definedName name="XREF_COLUMN_67" hidden="1">#REF!</definedName>
    <definedName name="XREF_COLUMN_68" hidden="1">#REF!</definedName>
    <definedName name="XREF_COLUMN_7" hidden="1">#REF!</definedName>
    <definedName name="XREF_COLUMN_8" hidden="1">#REF!</definedName>
    <definedName name="XREF_COLUMN_9" hidden="1">#REF!</definedName>
    <definedName name="XRefActiveRow" hidden="1">#REF!</definedName>
    <definedName name="XRefColumnsCount" hidden="1">17</definedName>
    <definedName name="XRefCopy1" hidden="1">#REF!</definedName>
    <definedName name="XRefCopy10" hidden="1">#REF!</definedName>
    <definedName name="XRefCopy100" hidden="1">#REF!</definedName>
    <definedName name="XRefCopy100Row" hidden="1">#REF!</definedName>
    <definedName name="XRefCopy101" hidden="1">#REF!</definedName>
    <definedName name="XRefCopy101Row" hidden="1">#REF!</definedName>
    <definedName name="XRefCopy102" hidden="1">#REF!</definedName>
    <definedName name="XRefCopy102Row" hidden="1">#REF!</definedName>
    <definedName name="XRefCopy103" hidden="1">#REF!</definedName>
    <definedName name="XRefCopy103Row" hidden="1">#REF!</definedName>
    <definedName name="XRefCopy104" hidden="1">#REF!</definedName>
    <definedName name="XRefCopy104Row" hidden="1">#REF!</definedName>
    <definedName name="XRefCopy105" hidden="1">#REF!</definedName>
    <definedName name="XRefCopy105Row" hidden="1">#REF!</definedName>
    <definedName name="XRefCopy106" hidden="1">#REF!</definedName>
    <definedName name="XRefCopy106Row" hidden="1">#REF!</definedName>
    <definedName name="XRefCopy107" hidden="1">#REF!</definedName>
    <definedName name="XRefCopy107Row" hidden="1">#REF!</definedName>
    <definedName name="XRefCopy108" hidden="1">#REF!</definedName>
    <definedName name="XRefCopy108Row" hidden="1">#REF!</definedName>
    <definedName name="XRefCopy109" hidden="1">#REF!</definedName>
    <definedName name="XRefCopy109Row" hidden="1">#REF!</definedName>
    <definedName name="XRefCopy10Row" hidden="1">#REF!</definedName>
    <definedName name="XRefCopy11" hidden="1">#REF!</definedName>
    <definedName name="XRefCopy110" hidden="1">#REF!</definedName>
    <definedName name="XRefCopy110Row" hidden="1">#REF!</definedName>
    <definedName name="XRefCopy111" hidden="1">#REF!</definedName>
    <definedName name="XRefCopy111Row" hidden="1">#REF!</definedName>
    <definedName name="XRefCopy112" hidden="1">#REF!</definedName>
    <definedName name="XRefCopy112Row" hidden="1">#REF!</definedName>
    <definedName name="XRefCopy113" hidden="1">#REF!</definedName>
    <definedName name="XRefCopy113Row" hidden="1">#REF!</definedName>
    <definedName name="XRefCopy114" hidden="1">#REF!</definedName>
    <definedName name="XRefCopy114Row" hidden="1">#REF!</definedName>
    <definedName name="XRefCopy115" hidden="1">#REF!</definedName>
    <definedName name="XRefCopy115Row" hidden="1">#REF!</definedName>
    <definedName name="XRefCopy116" hidden="1">#REF!</definedName>
    <definedName name="XRefCopy116Row" hidden="1">#REF!</definedName>
    <definedName name="XRefCopy117" hidden="1">#REF!</definedName>
    <definedName name="XRefCopy117Row" hidden="1">#REF!</definedName>
    <definedName name="XRefCopy118" hidden="1">#REF!</definedName>
    <definedName name="XRefCopy118Row" hidden="1">#REF!</definedName>
    <definedName name="XRefCopy119" hidden="1">#REF!</definedName>
    <definedName name="XRefCopy119Row" hidden="1">#REF!</definedName>
    <definedName name="XRefCopy11Row" hidden="1">#REF!</definedName>
    <definedName name="XRefCopy12" hidden="1">#REF!</definedName>
    <definedName name="XRefCopy120" hidden="1">#REF!</definedName>
    <definedName name="XRefCopy120Row" hidden="1">#REF!</definedName>
    <definedName name="XRefCopy121" hidden="1">#REF!</definedName>
    <definedName name="XRefCopy121Row" hidden="1">#REF!</definedName>
    <definedName name="XRefCopy122" hidden="1">#REF!</definedName>
    <definedName name="XRefCopy122Row" hidden="1">#REF!</definedName>
    <definedName name="XRefCopy123" hidden="1">#REF!</definedName>
    <definedName name="XRefCopy123Row" hidden="1">#REF!</definedName>
    <definedName name="XRefCopy124" hidden="1">#REF!</definedName>
    <definedName name="XRefCopy124Row" hidden="1">#REF!</definedName>
    <definedName name="XRefCopy125" hidden="1">#REF!</definedName>
    <definedName name="XRefCopy125Row" hidden="1">#REF!</definedName>
    <definedName name="XRefCopy126" hidden="1">#REF!</definedName>
    <definedName name="XRefCopy126Row" hidden="1">#REF!</definedName>
    <definedName name="XRefCopy127" hidden="1">#REF!</definedName>
    <definedName name="XRefCopy127Row" hidden="1">#REF!</definedName>
    <definedName name="XRefCopy128" hidden="1">#REF!</definedName>
    <definedName name="XRefCopy128Row" hidden="1">#REF!</definedName>
    <definedName name="XRefCopy129" hidden="1">#REF!</definedName>
    <definedName name="XRefCopy129Row" hidden="1">#REF!</definedName>
    <definedName name="XRefCopy12Row" hidden="1">#REF!</definedName>
    <definedName name="XRefCopy13" hidden="1">#REF!</definedName>
    <definedName name="XRefCopy130" hidden="1">#REF!</definedName>
    <definedName name="XRefCopy130Row" hidden="1">#REF!</definedName>
    <definedName name="XRefCopy131" hidden="1">#REF!</definedName>
    <definedName name="XRefCopy131Row" hidden="1">#REF!</definedName>
    <definedName name="XRefCopy132" hidden="1">#REF!</definedName>
    <definedName name="XRefCopy132Row" hidden="1">#REF!</definedName>
    <definedName name="XRefCopy133" hidden="1">#REF!</definedName>
    <definedName name="XRefCopy133Row" hidden="1">#REF!</definedName>
    <definedName name="XRefCopy134" hidden="1">#REF!</definedName>
    <definedName name="XRefCopy134Row" hidden="1">#REF!</definedName>
    <definedName name="XRefCopy135" hidden="1">#REF!</definedName>
    <definedName name="XRefCopy135Row" hidden="1">#REF!</definedName>
    <definedName name="XRefCopy136" hidden="1">#REF!</definedName>
    <definedName name="XRefCopy136Row" hidden="1">#REF!</definedName>
    <definedName name="XRefCopy137" hidden="1">#REF!</definedName>
    <definedName name="XRefCopy137Row" hidden="1">#REF!</definedName>
    <definedName name="XRefCopy138" hidden="1">#REF!</definedName>
    <definedName name="XRefCopy138Row" hidden="1">#REF!</definedName>
    <definedName name="XRefCopy139" hidden="1">#REF!</definedName>
    <definedName name="XRefCopy139Row" hidden="1">#REF!</definedName>
    <definedName name="XRefCopy13Row" hidden="1">#REF!</definedName>
    <definedName name="XRefCopy14" hidden="1">#REF!</definedName>
    <definedName name="XRefCopy140" hidden="1">#REF!</definedName>
    <definedName name="XRefCopy140Row" hidden="1">#REF!</definedName>
    <definedName name="XRefCopy141" hidden="1">#REF!</definedName>
    <definedName name="XRefCopy141Row" hidden="1">#REF!</definedName>
    <definedName name="XRefCopy142" hidden="1">#REF!</definedName>
    <definedName name="XRefCopy142Row" hidden="1">#REF!</definedName>
    <definedName name="XRefCopy143" hidden="1">#REF!</definedName>
    <definedName name="XRefCopy143Row" hidden="1">#REF!</definedName>
    <definedName name="XRefCopy144" hidden="1">#REF!</definedName>
    <definedName name="XRefCopy144Row" hidden="1">#REF!</definedName>
    <definedName name="XRefCopy145" hidden="1">#REF!</definedName>
    <definedName name="XRefCopy145Row" hidden="1">#REF!</definedName>
    <definedName name="XRefCopy146" hidden="1">#REF!</definedName>
    <definedName name="XRefCopy146Row" hidden="1">#REF!</definedName>
    <definedName name="XRefCopy147" hidden="1">#REF!</definedName>
    <definedName name="XRefCopy147Row" hidden="1">#REF!</definedName>
    <definedName name="XRefCopy148" hidden="1">#REF!</definedName>
    <definedName name="XRefCopy148Row" hidden="1">#REF!</definedName>
    <definedName name="XRefCopy149" hidden="1">#REF!</definedName>
    <definedName name="XRefCopy149Row" hidden="1">#REF!</definedName>
    <definedName name="XRefCopy14Row" hidden="1">#REF!</definedName>
    <definedName name="XRefCopy15" hidden="1">#REF!</definedName>
    <definedName name="XRefCopy150" hidden="1">#REF!</definedName>
    <definedName name="XRefCopy150Row" hidden="1">#REF!</definedName>
    <definedName name="XRefCopy151" hidden="1">#REF!</definedName>
    <definedName name="XRefCopy151Row" hidden="1">#REF!</definedName>
    <definedName name="XRefCopy152" hidden="1">#REF!</definedName>
    <definedName name="XRefCopy152Row" hidden="1">#REF!</definedName>
    <definedName name="XRefCopy153" hidden="1">#REF!</definedName>
    <definedName name="XRefCopy153Row" hidden="1">#REF!</definedName>
    <definedName name="XRefCopy154" hidden="1">#REF!</definedName>
    <definedName name="XRefCopy154Row" hidden="1">#REF!</definedName>
    <definedName name="XRefCopy155" hidden="1">#REF!</definedName>
    <definedName name="XRefCopy155Row" hidden="1">#REF!</definedName>
    <definedName name="XRefCopy156" hidden="1">#REF!</definedName>
    <definedName name="XRefCopy156Row" hidden="1">#REF!</definedName>
    <definedName name="XRefCopy157" hidden="1">#REF!</definedName>
    <definedName name="XRefCopy157Row" hidden="1">#REF!</definedName>
    <definedName name="XRefCopy158" hidden="1">#REF!</definedName>
    <definedName name="XRefCopy158Row" hidden="1">#REF!</definedName>
    <definedName name="XRefCopy159" hidden="1">#REF!</definedName>
    <definedName name="XRefCopy159Row" hidden="1">#REF!</definedName>
    <definedName name="XRefCopy15Row" hidden="1">#REF!</definedName>
    <definedName name="XRefCopy16" hidden="1">#REF!</definedName>
    <definedName name="XRefCopy160" hidden="1">#REF!</definedName>
    <definedName name="XRefCopy160Row" hidden="1">#REF!</definedName>
    <definedName name="XRefCopy161" hidden="1">#REF!</definedName>
    <definedName name="XRefCopy161Row" hidden="1">#REF!</definedName>
    <definedName name="XRefCopy162" hidden="1">#REF!</definedName>
    <definedName name="XRefCopy162Row" hidden="1">#REF!</definedName>
    <definedName name="XRefCopy163" hidden="1">#REF!</definedName>
    <definedName name="XRefCopy163Row" hidden="1">#REF!</definedName>
    <definedName name="XRefCopy164" hidden="1">#REF!</definedName>
    <definedName name="XRefCopy164Row" hidden="1">#REF!</definedName>
    <definedName name="XRefCopy165" hidden="1">#REF!</definedName>
    <definedName name="XRefCopy165Row" hidden="1">#REF!</definedName>
    <definedName name="XRefCopy166" hidden="1">#REF!</definedName>
    <definedName name="XRefCopy166Row" hidden="1">#REF!</definedName>
    <definedName name="XRefCopy167" hidden="1">#REF!</definedName>
    <definedName name="XRefCopy167Row" hidden="1">#REF!</definedName>
    <definedName name="XRefCopy168" hidden="1">#REF!</definedName>
    <definedName name="XRefCopy168Row" hidden="1">#REF!</definedName>
    <definedName name="XRefCopy169" hidden="1">#REF!</definedName>
    <definedName name="XRefCopy169Row" hidden="1">#REF!</definedName>
    <definedName name="XRefCopy16Row" hidden="1">#REF!</definedName>
    <definedName name="XRefCopy17" hidden="1">#REF!</definedName>
    <definedName name="XRefCopy170" hidden="1">#REF!</definedName>
    <definedName name="XRefCopy170Row" hidden="1">#REF!</definedName>
    <definedName name="XRefCopy171" hidden="1">#REF!</definedName>
    <definedName name="XRefCopy171Row" hidden="1">#REF!</definedName>
    <definedName name="XRefCopy172" hidden="1">#REF!</definedName>
    <definedName name="XRefCopy172Row" hidden="1">#REF!</definedName>
    <definedName name="XRefCopy173" hidden="1">#REF!</definedName>
    <definedName name="XRefCopy173Row" hidden="1">#REF!</definedName>
    <definedName name="XRefCopy174" hidden="1">#REF!</definedName>
    <definedName name="XRefCopy174Row" hidden="1">#REF!</definedName>
    <definedName name="XRefCopy175" hidden="1">#REF!</definedName>
    <definedName name="XRefCopy175Row" hidden="1">#REF!</definedName>
    <definedName name="XRefCopy176" hidden="1">#REF!</definedName>
    <definedName name="XRefCopy176Row" hidden="1">#REF!</definedName>
    <definedName name="XRefCopy177" hidden="1">#REF!</definedName>
    <definedName name="XRefCopy177Row" hidden="1">#REF!</definedName>
    <definedName name="XRefCopy178" hidden="1">#REF!</definedName>
    <definedName name="XRefCopy178Row" hidden="1">#REF!</definedName>
    <definedName name="XRefCopy179" hidden="1">#REF!</definedName>
    <definedName name="XRefCopy179Row" hidden="1">#REF!</definedName>
    <definedName name="XRefCopy17Row" hidden="1">#REF!</definedName>
    <definedName name="XRefCopy18" hidden="1">#REF!</definedName>
    <definedName name="XRefCopy180" hidden="1">#REF!</definedName>
    <definedName name="XRefCopy180Row" hidden="1">#REF!</definedName>
    <definedName name="XRefCopy181" hidden="1">#REF!</definedName>
    <definedName name="XRefCopy181Row" hidden="1">#REF!</definedName>
    <definedName name="XRefCopy182" hidden="1">#REF!</definedName>
    <definedName name="XRefCopy182Row" hidden="1">#REF!</definedName>
    <definedName name="XRefCopy183" hidden="1">#REF!</definedName>
    <definedName name="XRefCopy183Row" hidden="1">#REF!</definedName>
    <definedName name="XRefCopy184" hidden="1">#REF!</definedName>
    <definedName name="XRefCopy184Row" hidden="1">#REF!</definedName>
    <definedName name="XRefCopy185" hidden="1">#REF!</definedName>
    <definedName name="XRefCopy185Row" hidden="1">#REF!</definedName>
    <definedName name="XRefCopy186" hidden="1">#REF!</definedName>
    <definedName name="XRefCopy186Row" hidden="1">#REF!</definedName>
    <definedName name="XRefCopy187" hidden="1">#REF!</definedName>
    <definedName name="XRefCopy187Row" hidden="1">#REF!</definedName>
    <definedName name="XRefCopy188" hidden="1">#REF!</definedName>
    <definedName name="XRefCopy188Row" hidden="1">#REF!</definedName>
    <definedName name="XRefCopy189" hidden="1">#REF!</definedName>
    <definedName name="XRefCopy189Row" hidden="1">#REF!</definedName>
    <definedName name="XRefCopy18Row" hidden="1">#REF!</definedName>
    <definedName name="XRefCopy19" hidden="1">#REF!</definedName>
    <definedName name="XRefCopy190" hidden="1">#REF!</definedName>
    <definedName name="XRefCopy190Row" hidden="1">#REF!</definedName>
    <definedName name="XRefCopy191" hidden="1">#REF!</definedName>
    <definedName name="XRefCopy191Row" hidden="1">#REF!</definedName>
    <definedName name="XRefCopy192" hidden="1">#REF!</definedName>
    <definedName name="XRefCopy192Row" hidden="1">#REF!</definedName>
    <definedName name="XRefCopy193" hidden="1">#REF!</definedName>
    <definedName name="XRefCopy194" hidden="1">#REF!</definedName>
    <definedName name="XRefCopy194Row" hidden="1">#REF!</definedName>
    <definedName name="XRefCopy195" hidden="1">#REF!</definedName>
    <definedName name="XRefCopy195Row" hidden="1">#REF!</definedName>
    <definedName name="XRefCopy196" hidden="1">#REF!</definedName>
    <definedName name="XRefCopy196Row" hidden="1">#REF!</definedName>
    <definedName name="XRefCopy197" hidden="1">#REF!</definedName>
    <definedName name="XRefCopy197Row" hidden="1">#REF!</definedName>
    <definedName name="XRefCopy198" hidden="1">#REF!</definedName>
    <definedName name="XRefCopy198Row" hidden="1">#REF!</definedName>
    <definedName name="XRefCopy199" hidden="1">#REF!</definedName>
    <definedName name="XRefCopy199Row" hidden="1">#REF!</definedName>
    <definedName name="XRefCopy19Row" hidden="1">#REF!</definedName>
    <definedName name="XRefCopy1Row" hidden="1">#REF!</definedName>
    <definedName name="XRefCopy2" hidden="1">#REF!</definedName>
    <definedName name="XRefCopy20" hidden="1">#REF!</definedName>
    <definedName name="XRefCopy200" hidden="1">#REF!</definedName>
    <definedName name="XRefCopy200Row" hidden="1">#REF!</definedName>
    <definedName name="XRefCopy201" hidden="1">#REF!</definedName>
    <definedName name="XRefCopy201Row" hidden="1">#REF!</definedName>
    <definedName name="XRefCopy202" hidden="1">#REF!</definedName>
    <definedName name="XRefCopy202Row" hidden="1">#REF!</definedName>
    <definedName name="XRefCopy203" hidden="1">#REF!</definedName>
    <definedName name="XRefCopy203Row" hidden="1">#REF!</definedName>
    <definedName name="XRefCopy204" hidden="1">#REF!</definedName>
    <definedName name="XRefCopy204Row" hidden="1">#REF!</definedName>
    <definedName name="XRefCopy205" hidden="1">#REF!</definedName>
    <definedName name="XRefCopy206" hidden="1">#REF!</definedName>
    <definedName name="XRefCopy206Row" hidden="1">#REF!</definedName>
    <definedName name="XRefCopy207" hidden="1">#REF!</definedName>
    <definedName name="XRefCopy207Row" hidden="1">#REF!</definedName>
    <definedName name="XRefCopy208" hidden="1">#REF!</definedName>
    <definedName name="XRefCopy208Row" hidden="1">#REF!</definedName>
    <definedName name="XRefCopy209" hidden="1">#REF!</definedName>
    <definedName name="XRefCopy209Row" hidden="1">#REF!</definedName>
    <definedName name="XRefCopy20Row" hidden="1">#REF!</definedName>
    <definedName name="XRefCopy21" hidden="1">#REF!</definedName>
    <definedName name="XRefCopy210" hidden="1">#REF!</definedName>
    <definedName name="XRefCopy211" hidden="1">#REF!</definedName>
    <definedName name="XRefCopy212" hidden="1">#REF!</definedName>
    <definedName name="XRefCopy213" hidden="1">#REF!</definedName>
    <definedName name="XRefCopy213Row" hidden="1">#REF!</definedName>
    <definedName name="XRefCopy214" hidden="1">#REF!</definedName>
    <definedName name="XRefCopy214Row" hidden="1">#REF!</definedName>
    <definedName name="XRefCopy215" hidden="1">#REF!</definedName>
    <definedName name="XRefCopy215Row" hidden="1">#REF!</definedName>
    <definedName name="XRefCopy216" hidden="1">#REF!</definedName>
    <definedName name="XRefCopy216Row" hidden="1">#REF!</definedName>
    <definedName name="XRefCopy217" hidden="1">#REF!</definedName>
    <definedName name="XRefCopy217Row" hidden="1">#REF!</definedName>
    <definedName name="XRefCopy218" hidden="1">#REF!</definedName>
    <definedName name="XRefCopy218Row" hidden="1">#REF!</definedName>
    <definedName name="XRefCopy219" hidden="1">#REF!</definedName>
    <definedName name="XRefCopy21Row" hidden="1">#REF!</definedName>
    <definedName name="XRefCopy22" hidden="1">#REF!</definedName>
    <definedName name="XRefCopy220" hidden="1">#REF!</definedName>
    <definedName name="XRefCopy220Row" hidden="1">#REF!</definedName>
    <definedName name="XRefCopy221" hidden="1">#REF!</definedName>
    <definedName name="XRefCopy222" hidden="1">#REF!</definedName>
    <definedName name="XRefCopy222Row" hidden="1">#REF!</definedName>
    <definedName name="XRefCopy223" hidden="1">#REF!</definedName>
    <definedName name="XRefCopy223Row" hidden="1">#REF!</definedName>
    <definedName name="XRefCopy224" hidden="1">#REF!</definedName>
    <definedName name="XRefCopy225" hidden="1">#REF!</definedName>
    <definedName name="XRefCopy225Row" hidden="1">#REF!</definedName>
    <definedName name="XRefCopy226" hidden="1">#REF!</definedName>
    <definedName name="XRefCopy226Row" hidden="1">#REF!</definedName>
    <definedName name="XRefCopy227" hidden="1">#REF!</definedName>
    <definedName name="XRefCopy227Row" hidden="1">#REF!</definedName>
    <definedName name="XRefCopy228" hidden="1">#REF!</definedName>
    <definedName name="XRefCopy228Row" hidden="1">#REF!</definedName>
    <definedName name="XRefCopy229" hidden="1">#REF!</definedName>
    <definedName name="XRefCopy22Row" hidden="1">#REF!</definedName>
    <definedName name="XRefCopy23" hidden="1">#REF!</definedName>
    <definedName name="XRefCopy230" hidden="1">#REF!</definedName>
    <definedName name="XRefCopy230Row" hidden="1">#REF!</definedName>
    <definedName name="XRefCopy231" hidden="1">#REF!</definedName>
    <definedName name="XRefCopy231Row" hidden="1">#REF!</definedName>
    <definedName name="XRefCopy232" hidden="1">#REF!</definedName>
    <definedName name="XRefCopy232Row" hidden="1">#REF!</definedName>
    <definedName name="XRefCopy233" hidden="1">#REF!</definedName>
    <definedName name="XRefCopy233Row" hidden="1">#REF!</definedName>
    <definedName name="XRefCopy234" hidden="1">#REF!</definedName>
    <definedName name="XRefCopy236" hidden="1">#REF!</definedName>
    <definedName name="XRefCopy236Row" hidden="1">#REF!</definedName>
    <definedName name="XRefCopy237" hidden="1">#REF!</definedName>
    <definedName name="XRefCopy237Row" hidden="1">#REF!</definedName>
    <definedName name="XRefCopy238" hidden="1">#REF!</definedName>
    <definedName name="XRefCopy238Row" hidden="1">#REF!</definedName>
    <definedName name="XRefCopy239" hidden="1">#REF!</definedName>
    <definedName name="XRefCopy239Row" hidden="1">#REF!</definedName>
    <definedName name="XRefCopy23Row" hidden="1">#REF!</definedName>
    <definedName name="XRefCopy24" hidden="1">#REF!</definedName>
    <definedName name="XRefCopy240" hidden="1">#REF!</definedName>
    <definedName name="XRefCopy240Row" hidden="1">#REF!</definedName>
    <definedName name="XRefCopy241" hidden="1">#REF!</definedName>
    <definedName name="XRefCopy241Row" hidden="1">#REF!</definedName>
    <definedName name="XRefCopy242" hidden="1">#REF!</definedName>
    <definedName name="XRefCopy242Row" hidden="1">#REF!</definedName>
    <definedName name="XRefCopy243" hidden="1">#REF!</definedName>
    <definedName name="XRefCopy243Row" hidden="1">#REF!</definedName>
    <definedName name="XRefCopy244" hidden="1">#REF!</definedName>
    <definedName name="XRefCopy244Row" hidden="1">#REF!</definedName>
    <definedName name="XRefCopy245" hidden="1">#REF!</definedName>
    <definedName name="XRefCopy245Row" hidden="1">#REF!</definedName>
    <definedName name="XRefCopy246" hidden="1">#REF!</definedName>
    <definedName name="XRefCopy246Row" hidden="1">#REF!</definedName>
    <definedName name="XRefCopy247" hidden="1">#REF!</definedName>
    <definedName name="XRefCopy248" hidden="1">#REF!</definedName>
    <definedName name="XRefCopy248Row" hidden="1">#REF!</definedName>
    <definedName name="XRefCopy249" hidden="1">#REF!</definedName>
    <definedName name="XRefCopy249Row" hidden="1">#REF!</definedName>
    <definedName name="XRefCopy24Row" hidden="1">#REF!</definedName>
    <definedName name="XRefCopy25" hidden="1">#REF!</definedName>
    <definedName name="XRefCopy250" hidden="1">#REF!</definedName>
    <definedName name="XRefCopy250Row" hidden="1">#REF!</definedName>
    <definedName name="XRefCopy251" hidden="1">#REF!</definedName>
    <definedName name="XRefCopy251Row" hidden="1">#REF!</definedName>
    <definedName name="XRefCopy252" hidden="1">#REF!</definedName>
    <definedName name="XRefCopy252Row" hidden="1">#REF!</definedName>
    <definedName name="XRefCopy253" hidden="1">#REF!</definedName>
    <definedName name="XRefCopy253Row" hidden="1">#REF!</definedName>
    <definedName name="XRefCopy254" hidden="1">#REF!</definedName>
    <definedName name="XRefCopy254Row" hidden="1">#REF!</definedName>
    <definedName name="XRefCopy255" hidden="1">#REF!</definedName>
    <definedName name="XRefCopy255Row" hidden="1">#REF!</definedName>
    <definedName name="XRefCopy256" hidden="1">#REF!</definedName>
    <definedName name="XRefCopy256Row" hidden="1">#REF!</definedName>
    <definedName name="XRefCopy257" hidden="1">#REF!</definedName>
    <definedName name="XRefCopy257Row" hidden="1">#REF!</definedName>
    <definedName name="XRefCopy258" hidden="1">#REF!</definedName>
    <definedName name="XRefCopy259" hidden="1">#REF!</definedName>
    <definedName name="XRefCopy259Row" hidden="1">#REF!</definedName>
    <definedName name="XRefCopy25Row" hidden="1">#REF!</definedName>
    <definedName name="XRefCopy26" hidden="1">#REF!</definedName>
    <definedName name="XRefCopy260" hidden="1">#REF!</definedName>
    <definedName name="XRefCopy261" hidden="1">#REF!</definedName>
    <definedName name="XRefCopy261Row" hidden="1">#REF!</definedName>
    <definedName name="XRefCopy262" hidden="1">#REF!</definedName>
    <definedName name="XRefCopy262Row" hidden="1">#REF!</definedName>
    <definedName name="XRefCopy263" hidden="1">#REF!</definedName>
    <definedName name="XRefCopy263Row" hidden="1">#REF!</definedName>
    <definedName name="XRefCopy264" hidden="1">#REF!</definedName>
    <definedName name="XRefCopy264Row" hidden="1">#REF!</definedName>
    <definedName name="XRefCopy265" hidden="1">#REF!</definedName>
    <definedName name="XRefCopy265Row" hidden="1">#REF!</definedName>
    <definedName name="XRefCopy266" hidden="1">#REF!</definedName>
    <definedName name="XRefCopy267" hidden="1">#REF!</definedName>
    <definedName name="XRefCopy267Row" hidden="1">#REF!</definedName>
    <definedName name="XRefCopy268" hidden="1">#REF!</definedName>
    <definedName name="XRefCopy268Row" hidden="1">#REF!</definedName>
    <definedName name="XRefCopy269" hidden="1">#REF!</definedName>
    <definedName name="XRefCopy26Row" hidden="1">#REF!</definedName>
    <definedName name="XRefCopy27" hidden="1">#REF!</definedName>
    <definedName name="XRefCopy270" hidden="1">#REF!</definedName>
    <definedName name="XRefCopy270Row" hidden="1">#REF!</definedName>
    <definedName name="XRefCopy271" hidden="1">#REF!</definedName>
    <definedName name="XRefCopy272" hidden="1">#REF!</definedName>
    <definedName name="XRefCopy273" hidden="1">#REF!</definedName>
    <definedName name="XRefCopy273Row" hidden="1">#REF!</definedName>
    <definedName name="XRefCopy274" hidden="1">#REF!</definedName>
    <definedName name="XRefCopy274Row" hidden="1">#REF!</definedName>
    <definedName name="XRefCopy275" hidden="1">#REF!</definedName>
    <definedName name="XRefCopy275Row" hidden="1">#REF!</definedName>
    <definedName name="XRefCopy276" hidden="1">#REF!</definedName>
    <definedName name="XRefCopy277" hidden="1">#REF!</definedName>
    <definedName name="XRefCopy278" hidden="1">#REF!</definedName>
    <definedName name="XRefCopy278Row" hidden="1">#REF!</definedName>
    <definedName name="XRefCopy279" hidden="1">#REF!</definedName>
    <definedName name="XRefCopy27Row" hidden="1">#REF!</definedName>
    <definedName name="XRefCopy28" hidden="1">#REF!</definedName>
    <definedName name="XRefCopy280" hidden="1">#REF!</definedName>
    <definedName name="XRefCopy281" hidden="1">#REF!</definedName>
    <definedName name="XRefCopy282" hidden="1">#REF!</definedName>
    <definedName name="XRefCopy283" hidden="1">#REF!</definedName>
    <definedName name="XRefCopy284" hidden="1">#REF!</definedName>
    <definedName name="XRefCopy284Row" hidden="1">#REF!</definedName>
    <definedName name="XRefCopy285" hidden="1">#REF!</definedName>
    <definedName name="XRefCopy286" hidden="1">#REF!</definedName>
    <definedName name="XRefCopy287" hidden="1">#REF!</definedName>
    <definedName name="XRefCopy288" hidden="1">#REF!</definedName>
    <definedName name="XRefCopy289" hidden="1">#REF!</definedName>
    <definedName name="XRefCopy28Row" hidden="1">#REF!</definedName>
    <definedName name="XRefCopy29" hidden="1">#REF!</definedName>
    <definedName name="XRefCopy290" hidden="1">#REF!</definedName>
    <definedName name="XRefCopy291" hidden="1">#REF!</definedName>
    <definedName name="XRefCopy292" hidden="1">#REF!</definedName>
    <definedName name="XRefCopy293" hidden="1">#REF!</definedName>
    <definedName name="XRefCopy294" hidden="1">#REF!</definedName>
    <definedName name="XRefCopy295" hidden="1">#REF!</definedName>
    <definedName name="XRefCopy296" hidden="1">#REF!</definedName>
    <definedName name="XRefCopy296Row" hidden="1">#REF!</definedName>
    <definedName name="XRefCopy29Row" hidden="1">#REF!</definedName>
    <definedName name="XRefCopy2Row" hidden="1">#REF!</definedName>
    <definedName name="XRefCopy3" hidden="1">#REF!</definedName>
    <definedName name="XRefCopy30" hidden="1">#REF!</definedName>
    <definedName name="XRefCopy30Row" hidden="1">#REF!</definedName>
    <definedName name="XRefCopy31" hidden="1">#REF!</definedName>
    <definedName name="XRefCopy31Row" hidden="1">#REF!</definedName>
    <definedName name="XRefCopy32" hidden="1">#REF!</definedName>
    <definedName name="XRefCopy32Row" hidden="1">#REF!</definedName>
    <definedName name="XRefCopy33" hidden="1">#REF!</definedName>
    <definedName name="XRefCopy33Row" hidden="1">#REF!</definedName>
    <definedName name="XRefCopy34" hidden="1">#REF!</definedName>
    <definedName name="XRefCopy34Row" hidden="1">#REF!</definedName>
    <definedName name="XRefCopy35" hidden="1">#REF!</definedName>
    <definedName name="XRefCopy35Row" hidden="1">#REF!</definedName>
    <definedName name="XRefCopy36" hidden="1">#REF!</definedName>
    <definedName name="XRefCopy36Row" hidden="1">#REF!</definedName>
    <definedName name="XRefCopy37" hidden="1">#REF!</definedName>
    <definedName name="XRefCopy37Row" hidden="1">#REF!</definedName>
    <definedName name="XRefCopy38" hidden="1">#REF!</definedName>
    <definedName name="XRefCopy38Row" hidden="1">#REF!</definedName>
    <definedName name="XRefCopy39" hidden="1">#REF!</definedName>
    <definedName name="XRefCopy39Row" hidden="1">#REF!</definedName>
    <definedName name="XRefCopy3Row" hidden="1">#REF!</definedName>
    <definedName name="XRefCopy4" hidden="1">#REF!</definedName>
    <definedName name="XRefCopy40" hidden="1">#REF!</definedName>
    <definedName name="XRefCopy40Row" hidden="1">#REF!</definedName>
    <definedName name="XRefCopy41" hidden="1">#REF!</definedName>
    <definedName name="XRefCopy41Row" hidden="1">#REF!</definedName>
    <definedName name="XRefCopy42" hidden="1">#REF!</definedName>
    <definedName name="XRefCopy42Row" hidden="1">#REF!</definedName>
    <definedName name="XRefCopy43" hidden="1">#REF!</definedName>
    <definedName name="XRefCopy43Row" hidden="1">#REF!</definedName>
    <definedName name="XRefCopy44" hidden="1">#REF!</definedName>
    <definedName name="XRefCopy44Row" hidden="1">#REF!</definedName>
    <definedName name="XRefCopy45" hidden="1">#REF!</definedName>
    <definedName name="XRefCopy45Row" hidden="1">#REF!</definedName>
    <definedName name="XRefCopy46" hidden="1">#REF!</definedName>
    <definedName name="XRefCopy46Row" hidden="1">#REF!</definedName>
    <definedName name="XRefCopy47" hidden="1">#REF!</definedName>
    <definedName name="XRefCopy47Row" hidden="1">#REF!</definedName>
    <definedName name="XRefCopy48" hidden="1">#REF!</definedName>
    <definedName name="XRefCopy48Row" hidden="1">#REF!</definedName>
    <definedName name="XRefCopy49" hidden="1">#REF!</definedName>
    <definedName name="XRefCopy49Row" hidden="1">#REF!</definedName>
    <definedName name="XRefCopy4Row" hidden="1">#REF!</definedName>
    <definedName name="XRefCopy5" hidden="1">#REF!</definedName>
    <definedName name="XRefCopy50" hidden="1">#REF!</definedName>
    <definedName name="XRefCopy50Row" hidden="1">#REF!</definedName>
    <definedName name="XRefCopy51" hidden="1">#REF!</definedName>
    <definedName name="XRefCopy51Row" hidden="1">#REF!</definedName>
    <definedName name="XRefCopy52" hidden="1">#REF!</definedName>
    <definedName name="XRefCopy52Row" hidden="1">#REF!</definedName>
    <definedName name="XRefCopy53" hidden="1">#REF!</definedName>
    <definedName name="XRefCopy53Row" hidden="1">#REF!</definedName>
    <definedName name="XRefCopy54" hidden="1">#REF!</definedName>
    <definedName name="XRefCopy54Row" hidden="1">#REF!</definedName>
    <definedName name="XRefCopy55" hidden="1">#REF!</definedName>
    <definedName name="XRefCopy55Row" hidden="1">#REF!</definedName>
    <definedName name="XRefCopy56" hidden="1">#REF!</definedName>
    <definedName name="XRefCopy56Row" hidden="1">#REF!</definedName>
    <definedName name="XRefCopy57" hidden="1">#REF!</definedName>
    <definedName name="XRefCopy57Row" hidden="1">#REF!</definedName>
    <definedName name="XRefCopy58" hidden="1">#REF!</definedName>
    <definedName name="XRefCopy58Row" hidden="1">#REF!</definedName>
    <definedName name="XRefCopy59" hidden="1">#REF!</definedName>
    <definedName name="XRefCopy59Row" hidden="1">#REF!</definedName>
    <definedName name="XRefCopy5Row" hidden="1">#REF!</definedName>
    <definedName name="XRefCopy6" hidden="1">#REF!</definedName>
    <definedName name="XRefCopy60" hidden="1">#REF!</definedName>
    <definedName name="XRefCopy60Row" hidden="1">#REF!</definedName>
    <definedName name="XRefCopy61" hidden="1">#REF!</definedName>
    <definedName name="XRefCopy61Row" hidden="1">#REF!</definedName>
    <definedName name="XRefCopy62" hidden="1">#REF!</definedName>
    <definedName name="XRefCopy62Row" hidden="1">#REF!</definedName>
    <definedName name="XRefCopy63" hidden="1">#REF!</definedName>
    <definedName name="XRefCopy63Row" hidden="1">#REF!</definedName>
    <definedName name="XRefCopy64" hidden="1">#REF!</definedName>
    <definedName name="XRefCopy64Row" hidden="1">#REF!</definedName>
    <definedName name="XRefCopy65" hidden="1">#REF!</definedName>
    <definedName name="XRefCopy65Row" hidden="1">#REF!</definedName>
    <definedName name="XRefCopy66" hidden="1">#REF!</definedName>
    <definedName name="XRefCopy66Row" hidden="1">#REF!</definedName>
    <definedName name="XRefCopy67" hidden="1">#REF!</definedName>
    <definedName name="XRefCopy67Row" hidden="1">#REF!</definedName>
    <definedName name="XRefCopy68" hidden="1">#REF!</definedName>
    <definedName name="XRefCopy68Row" hidden="1">#REF!</definedName>
    <definedName name="XRefCopy69" hidden="1">#REF!</definedName>
    <definedName name="XRefCopy69Row" hidden="1">#REF!</definedName>
    <definedName name="XRefCopy6Row" hidden="1">#REF!</definedName>
    <definedName name="XRefCopy7" hidden="1">#REF!</definedName>
    <definedName name="XRefCopy70" hidden="1">#REF!</definedName>
    <definedName name="XRefCopy70Row" hidden="1">#REF!</definedName>
    <definedName name="XRefCopy71" hidden="1">#REF!</definedName>
    <definedName name="XRefCopy71Row" hidden="1">#REF!</definedName>
    <definedName name="XRefCopy72" hidden="1">#REF!</definedName>
    <definedName name="XRefCopy72Row" hidden="1">#REF!</definedName>
    <definedName name="XRefCopy73" hidden="1">#REF!</definedName>
    <definedName name="XRefCopy73Row" hidden="1">#REF!</definedName>
    <definedName name="XRefCopy74" hidden="1">#REF!</definedName>
    <definedName name="XRefCopy74Row" hidden="1">#REF!</definedName>
    <definedName name="XRefCopy75" hidden="1">#REF!</definedName>
    <definedName name="XRefCopy75Row" hidden="1">#REF!</definedName>
    <definedName name="XRefCopy76" hidden="1">#REF!</definedName>
    <definedName name="XRefCopy76Row" hidden="1">#REF!</definedName>
    <definedName name="XRefCopy77" hidden="1">#REF!</definedName>
    <definedName name="XRefCopy77Row" hidden="1">#REF!</definedName>
    <definedName name="XRefCopy78" hidden="1">#REF!</definedName>
    <definedName name="XRefCopy78Row" hidden="1">#REF!</definedName>
    <definedName name="XRefCopy79" hidden="1">#REF!</definedName>
    <definedName name="XRefCopy79Row" hidden="1">#REF!</definedName>
    <definedName name="XRefCopy7Row" hidden="1">#REF!</definedName>
    <definedName name="XRefCopy8" hidden="1">#REF!</definedName>
    <definedName name="XRefCopy80" hidden="1">#REF!</definedName>
    <definedName name="XRefCopy80Row" hidden="1">#REF!</definedName>
    <definedName name="XRefCopy81" hidden="1">#REF!</definedName>
    <definedName name="XRefCopy81Row" hidden="1">#REF!</definedName>
    <definedName name="XRefCopy82" hidden="1">#REF!</definedName>
    <definedName name="XRefCopy82Row" hidden="1">#REF!</definedName>
    <definedName name="XRefCopy83" hidden="1">#REF!</definedName>
    <definedName name="XRefCopy83Row" hidden="1">#REF!</definedName>
    <definedName name="XRefCopy84" hidden="1">#REF!</definedName>
    <definedName name="XRefCopy84Row" hidden="1">#REF!</definedName>
    <definedName name="XRefCopy85" hidden="1">#REF!</definedName>
    <definedName name="XRefCopy85Row" hidden="1">#REF!</definedName>
    <definedName name="XRefCopy86" hidden="1">#REF!</definedName>
    <definedName name="XRefCopy86Row" hidden="1">#REF!</definedName>
    <definedName name="XRefCopy87" hidden="1">#REF!</definedName>
    <definedName name="XRefCopy87Row" hidden="1">#REF!</definedName>
    <definedName name="XRefCopy88" hidden="1">#REF!</definedName>
    <definedName name="XRefCopy88Row" hidden="1">#REF!</definedName>
    <definedName name="XRefCopy89" hidden="1">#REF!</definedName>
    <definedName name="XRefCopy89Row" hidden="1">#REF!</definedName>
    <definedName name="XRefCopy8Row" hidden="1">#REF!</definedName>
    <definedName name="XRefCopy9" hidden="1">#REF!</definedName>
    <definedName name="XRefCopy90" hidden="1">#REF!</definedName>
    <definedName name="XRefCopy90Row" hidden="1">#REF!</definedName>
    <definedName name="XRefCopy91" hidden="1">#REF!</definedName>
    <definedName name="XRefCopy91Row" hidden="1">#REF!</definedName>
    <definedName name="XRefCopy92" hidden="1">#REF!</definedName>
    <definedName name="XRefCopy92Row" hidden="1">#REF!</definedName>
    <definedName name="XRefCopy93" hidden="1">#REF!</definedName>
    <definedName name="XRefCopy93Row" hidden="1">#REF!</definedName>
    <definedName name="XRefCopy94" hidden="1">#REF!</definedName>
    <definedName name="XRefCopy94Row" hidden="1">#REF!</definedName>
    <definedName name="XRefCopy95" hidden="1">#REF!</definedName>
    <definedName name="XRefCopy95Row" hidden="1">#REF!</definedName>
    <definedName name="XRefCopy96" hidden="1">#REF!</definedName>
    <definedName name="XRefCopy96Row" hidden="1">#REF!</definedName>
    <definedName name="XRefCopy97" hidden="1">#REF!</definedName>
    <definedName name="XRefCopy97Row" hidden="1">#REF!</definedName>
    <definedName name="XRefCopy98" hidden="1">#REF!</definedName>
    <definedName name="XRefCopy98Row" hidden="1">#REF!</definedName>
    <definedName name="XRefCopy99" hidden="1">#REF!</definedName>
    <definedName name="XRefCopy99Row" hidden="1">#REF!</definedName>
    <definedName name="XRefCopy9Row" hidden="1">#REF!</definedName>
    <definedName name="XRefCopyRangeCount" hidden="1">26</definedName>
    <definedName name="XRefPaste1" hidden="1">#REF!</definedName>
    <definedName name="XRefPaste10" hidden="1">#REF!</definedName>
    <definedName name="XRefPaste100" hidden="1">#REF!</definedName>
    <definedName name="XRefPaste100Row" hidden="1">#REF!</definedName>
    <definedName name="XRefPaste101" hidden="1">#REF!</definedName>
    <definedName name="XRefPaste101Row" hidden="1">#REF!</definedName>
    <definedName name="XRefPaste102" hidden="1">#REF!</definedName>
    <definedName name="XRefPaste102Row" hidden="1">#REF!</definedName>
    <definedName name="XRefPaste103" hidden="1">#REF!</definedName>
    <definedName name="XRefPaste103Row" hidden="1">#REF!</definedName>
    <definedName name="XRefPaste104" hidden="1">#REF!</definedName>
    <definedName name="XRefPaste104Row" hidden="1">#REF!</definedName>
    <definedName name="XRefPaste105" hidden="1">#REF!</definedName>
    <definedName name="XRefPaste105Row" hidden="1">#REF!</definedName>
    <definedName name="XRefPaste106" hidden="1">#REF!</definedName>
    <definedName name="XRefPaste106Row" hidden="1">#REF!</definedName>
    <definedName name="XRefPaste107" hidden="1">#REF!</definedName>
    <definedName name="XRefPaste107Row" hidden="1">#REF!</definedName>
    <definedName name="XRefPaste108" hidden="1">#REF!</definedName>
    <definedName name="XRefPaste108Row" hidden="1">#REF!</definedName>
    <definedName name="XRefPaste109" hidden="1">#REF!</definedName>
    <definedName name="XRefPaste109Row" hidden="1">#REF!</definedName>
    <definedName name="XRefPaste10Row" hidden="1">#REF!</definedName>
    <definedName name="XRefPaste11" hidden="1">#REF!</definedName>
    <definedName name="XRefPaste110" hidden="1">#REF!</definedName>
    <definedName name="XRefPaste110Row" hidden="1">#REF!</definedName>
    <definedName name="XRefPaste111" hidden="1">#REF!</definedName>
    <definedName name="XRefPaste111Row" hidden="1">#REF!</definedName>
    <definedName name="XRefPaste112" hidden="1">#REF!</definedName>
    <definedName name="XRefPaste112Row" hidden="1">#REF!</definedName>
    <definedName name="XRefPaste113" hidden="1">#REF!</definedName>
    <definedName name="XRefPaste113Row" hidden="1">#REF!</definedName>
    <definedName name="XRefPaste114" hidden="1">#REF!</definedName>
    <definedName name="XRefPaste114Row" hidden="1">#REF!</definedName>
    <definedName name="XRefPaste115" hidden="1">#REF!</definedName>
    <definedName name="XRefPaste115Row" hidden="1">#REF!</definedName>
    <definedName name="XRefPaste116" hidden="1">#REF!</definedName>
    <definedName name="XRefPaste116Row" hidden="1">#REF!</definedName>
    <definedName name="XRefPaste117" hidden="1">#REF!</definedName>
    <definedName name="XRefPaste117Row" hidden="1">#REF!</definedName>
    <definedName name="XRefPaste118" hidden="1">#REF!</definedName>
    <definedName name="XRefPaste118Row" hidden="1">#REF!</definedName>
    <definedName name="XRefPaste119" hidden="1">#REF!</definedName>
    <definedName name="XRefPaste119Row" hidden="1">#REF!</definedName>
    <definedName name="XRefPaste11Row" hidden="1">#REF!</definedName>
    <definedName name="XRefPaste12" hidden="1">#REF!</definedName>
    <definedName name="XRefPaste120" hidden="1">#REF!</definedName>
    <definedName name="XRefPaste120Row" hidden="1">#REF!</definedName>
    <definedName name="XRefPaste121" hidden="1">#REF!</definedName>
    <definedName name="XRefPaste121Row" hidden="1">#REF!</definedName>
    <definedName name="XRefPaste122" hidden="1">#REF!</definedName>
    <definedName name="XRefPaste122Row" hidden="1">#REF!</definedName>
    <definedName name="XRefPaste123" hidden="1">#REF!</definedName>
    <definedName name="XRefPaste123Row" hidden="1">#REF!</definedName>
    <definedName name="XRefPaste124" hidden="1">#REF!</definedName>
    <definedName name="XRefPaste124Row" hidden="1">#REF!</definedName>
    <definedName name="XRefPaste125" hidden="1">#REF!</definedName>
    <definedName name="XRefPaste125Row" hidden="1">#REF!</definedName>
    <definedName name="XRefPaste126" hidden="1">#REF!</definedName>
    <definedName name="XRefPaste126Row" hidden="1">#REF!</definedName>
    <definedName name="XRefPaste127" hidden="1">#REF!</definedName>
    <definedName name="XRefPaste127Row" hidden="1">#REF!</definedName>
    <definedName name="XRefPaste128" hidden="1">#REF!</definedName>
    <definedName name="XRefPaste128Row" hidden="1">#REF!</definedName>
    <definedName name="XRefPaste129" hidden="1">#REF!</definedName>
    <definedName name="XRefPaste129Row" hidden="1">#REF!</definedName>
    <definedName name="XRefPaste12Row" hidden="1">#REF!</definedName>
    <definedName name="XRefPaste13" hidden="1">#REF!</definedName>
    <definedName name="XRefPaste130" hidden="1">#REF!</definedName>
    <definedName name="XRefPaste130Row" hidden="1">#REF!</definedName>
    <definedName name="XRefPaste131" hidden="1">#REF!</definedName>
    <definedName name="XRefPaste131Row" hidden="1">#REF!</definedName>
    <definedName name="XRefPaste132" hidden="1">#REF!</definedName>
    <definedName name="XRefPaste132Row" hidden="1">#REF!</definedName>
    <definedName name="XRefPaste133" hidden="1">#REF!</definedName>
    <definedName name="XRefPaste133Row" hidden="1">#REF!</definedName>
    <definedName name="XRefPaste134" hidden="1">#REF!</definedName>
    <definedName name="XRefPaste134Row" hidden="1">#REF!</definedName>
    <definedName name="XRefPaste135" hidden="1">#REF!</definedName>
    <definedName name="XRefPaste135Row" hidden="1">#REF!</definedName>
    <definedName name="XRefPaste136" hidden="1">#REF!</definedName>
    <definedName name="XRefPaste136Row" hidden="1">#REF!</definedName>
    <definedName name="XRefPaste137" hidden="1">#REF!</definedName>
    <definedName name="XRefPaste137Row" hidden="1">#REF!</definedName>
    <definedName name="XRefPaste138" hidden="1">#REF!</definedName>
    <definedName name="XRefPaste138Row" hidden="1">#REF!</definedName>
    <definedName name="XRefPaste139" hidden="1">#REF!</definedName>
    <definedName name="XRefPaste139Row" hidden="1">#REF!</definedName>
    <definedName name="XRefPaste13Row" hidden="1">#REF!</definedName>
    <definedName name="XRefPaste14" hidden="1">#REF!</definedName>
    <definedName name="XRefPaste140" hidden="1">#REF!</definedName>
    <definedName name="XRefPaste140Row" hidden="1">#REF!</definedName>
    <definedName name="XRefPaste141" hidden="1">#REF!</definedName>
    <definedName name="XRefPaste141Row" hidden="1">#REF!</definedName>
    <definedName name="XRefPaste142" hidden="1">#REF!</definedName>
    <definedName name="XRefPaste142Row" hidden="1">#REF!</definedName>
    <definedName name="XRefPaste143" hidden="1">#REF!</definedName>
    <definedName name="XRefPaste143Row" hidden="1">#REF!</definedName>
    <definedName name="XRefPaste144" hidden="1">#REF!</definedName>
    <definedName name="XRefPaste144Row" hidden="1">#REF!</definedName>
    <definedName name="XRefPaste145" hidden="1">#REF!</definedName>
    <definedName name="XRefPaste145Row" hidden="1">#REF!</definedName>
    <definedName name="XRefPaste146" hidden="1">#REF!</definedName>
    <definedName name="XRefPaste146Row" hidden="1">#REF!</definedName>
    <definedName name="XRefPaste147" hidden="1">#REF!</definedName>
    <definedName name="XRefPaste147Row" hidden="1">#REF!</definedName>
    <definedName name="XRefPaste148" hidden="1">#REF!</definedName>
    <definedName name="XRefPaste148Row" hidden="1">#REF!</definedName>
    <definedName name="XRefPaste149" hidden="1">#REF!</definedName>
    <definedName name="XRefPaste149Row" hidden="1">#REF!</definedName>
    <definedName name="XRefPaste14Row" hidden="1">#REF!</definedName>
    <definedName name="XRefPaste15" hidden="1">#REF!</definedName>
    <definedName name="XRefPaste150" hidden="1">#REF!</definedName>
    <definedName name="XRefPaste150Row" hidden="1">#REF!</definedName>
    <definedName name="XRefPaste151" hidden="1">#REF!</definedName>
    <definedName name="XRefPaste151Row" hidden="1">#REF!</definedName>
    <definedName name="XRefPaste152" hidden="1">#REF!</definedName>
    <definedName name="XRefPaste152Row" hidden="1">#REF!</definedName>
    <definedName name="XRefPaste153" hidden="1">#REF!</definedName>
    <definedName name="XRefPaste153Row" hidden="1">#REF!</definedName>
    <definedName name="XRefPaste154" hidden="1">#REF!</definedName>
    <definedName name="XRefPaste154Row" hidden="1">#REF!</definedName>
    <definedName name="XRefPaste155" hidden="1">#REF!</definedName>
    <definedName name="XRefPaste155Row" hidden="1">#REF!</definedName>
    <definedName name="XRefPaste156" hidden="1">#REF!</definedName>
    <definedName name="XRefPaste156Row" hidden="1">#REF!</definedName>
    <definedName name="XRefPaste157" hidden="1">#REF!</definedName>
    <definedName name="XRefPaste157Row" hidden="1">#REF!</definedName>
    <definedName name="XRefPaste158" hidden="1">#REF!</definedName>
    <definedName name="XRefPaste158Row" hidden="1">#REF!</definedName>
    <definedName name="XRefPaste159" hidden="1">#REF!</definedName>
    <definedName name="XRefPaste159Row" hidden="1">#REF!</definedName>
    <definedName name="XRefPaste15Row" hidden="1">#REF!</definedName>
    <definedName name="XRefPaste16" hidden="1">#REF!</definedName>
    <definedName name="XRefPaste160" hidden="1">#REF!</definedName>
    <definedName name="XRefPaste160Row" hidden="1">#REF!</definedName>
    <definedName name="XRefPaste161" hidden="1">#REF!</definedName>
    <definedName name="XRefPaste161Row" hidden="1">#REF!</definedName>
    <definedName name="XRefPaste162" hidden="1">#REF!</definedName>
    <definedName name="XRefPaste162Row" hidden="1">#REF!</definedName>
    <definedName name="XRefPaste163" hidden="1">#REF!</definedName>
    <definedName name="XRefPaste163Row" hidden="1">#REF!</definedName>
    <definedName name="XRefPaste164" hidden="1">#REF!</definedName>
    <definedName name="XRefPaste164Row" hidden="1">#REF!</definedName>
    <definedName name="XRefPaste165" hidden="1">#REF!</definedName>
    <definedName name="XRefPaste165Row" hidden="1">#REF!</definedName>
    <definedName name="XRefPaste166" hidden="1">#REF!</definedName>
    <definedName name="XRefPaste166Row" hidden="1">#REF!</definedName>
    <definedName name="XRefPaste167" hidden="1">#REF!</definedName>
    <definedName name="XRefPaste167Row" hidden="1">#REF!</definedName>
    <definedName name="XRefPaste168" hidden="1">#REF!</definedName>
    <definedName name="XRefPaste168Row" hidden="1">#REF!</definedName>
    <definedName name="XRefPaste169" hidden="1">#REF!</definedName>
    <definedName name="XRefPaste169Row" hidden="1">#REF!</definedName>
    <definedName name="XRefPaste16Row" hidden="1">#REF!</definedName>
    <definedName name="XRefPaste17" hidden="1">#REF!</definedName>
    <definedName name="XRefPaste170" hidden="1">#REF!</definedName>
    <definedName name="XRefPaste170Row" hidden="1">#REF!</definedName>
    <definedName name="XRefPaste171" hidden="1">#REF!</definedName>
    <definedName name="XRefPaste171Row" hidden="1">#REF!</definedName>
    <definedName name="XRefPaste172" hidden="1">#REF!</definedName>
    <definedName name="XRefPaste172Row" hidden="1">#REF!</definedName>
    <definedName name="XRefPaste173" hidden="1">#REF!</definedName>
    <definedName name="XRefPaste173Row" hidden="1">#REF!</definedName>
    <definedName name="XRefPaste174" hidden="1">#REF!</definedName>
    <definedName name="XRefPaste174Row" hidden="1">#REF!</definedName>
    <definedName name="XRefPaste175" hidden="1">#REF!</definedName>
    <definedName name="XRefPaste175Row" hidden="1">#REF!</definedName>
    <definedName name="XRefPaste176" hidden="1">#REF!</definedName>
    <definedName name="XRefPaste176Row" hidden="1">#REF!</definedName>
    <definedName name="XRefPaste178" hidden="1">#REF!</definedName>
    <definedName name="XRefPaste178Row" hidden="1">#REF!</definedName>
    <definedName name="XRefPaste179" hidden="1">#REF!</definedName>
    <definedName name="XRefPaste179Row" hidden="1">#REF!</definedName>
    <definedName name="XRefPaste17Row" hidden="1">#REF!</definedName>
    <definedName name="XRefPaste18" hidden="1">#REF!</definedName>
    <definedName name="XRefPaste180" hidden="1">#REF!</definedName>
    <definedName name="XRefPaste180Row" hidden="1">#REF!</definedName>
    <definedName name="XRefPaste181" hidden="1">#REF!</definedName>
    <definedName name="XRefPaste181Row" hidden="1">#REF!</definedName>
    <definedName name="XRefPaste182" hidden="1">#REF!</definedName>
    <definedName name="XRefPaste182Row" hidden="1">#REF!</definedName>
    <definedName name="XRefPaste183" hidden="1">#REF!</definedName>
    <definedName name="XRefPaste183Row" hidden="1">#REF!</definedName>
    <definedName name="XRefPaste184" hidden="1">#REF!</definedName>
    <definedName name="XRefPaste184Row" hidden="1">#REF!</definedName>
    <definedName name="XRefPaste185" hidden="1">#REF!</definedName>
    <definedName name="XRefPaste185Row" hidden="1">#REF!</definedName>
    <definedName name="XRefPaste186" hidden="1">#REF!</definedName>
    <definedName name="XRefPaste186Row" hidden="1">#REF!</definedName>
    <definedName name="XRefPaste187" hidden="1">#REF!</definedName>
    <definedName name="XRefPaste187Row" hidden="1">#REF!</definedName>
    <definedName name="XRefPaste188" hidden="1">#REF!</definedName>
    <definedName name="XRefPaste188Row" hidden="1">#REF!</definedName>
    <definedName name="XRefPaste189" hidden="1">#REF!</definedName>
    <definedName name="XRefPaste189Row" hidden="1">#REF!</definedName>
    <definedName name="XRefPaste18Row" hidden="1">#REF!</definedName>
    <definedName name="XRefPaste19" hidden="1">#REF!</definedName>
    <definedName name="XRefPaste190" hidden="1">#REF!</definedName>
    <definedName name="XRefPaste190Row" hidden="1">#REF!</definedName>
    <definedName name="XRefPaste191" hidden="1">#REF!</definedName>
    <definedName name="XRefPaste191Row" hidden="1">#REF!</definedName>
    <definedName name="XRefPaste192" hidden="1">#REF!</definedName>
    <definedName name="XRefPaste192Row" hidden="1">#REF!</definedName>
    <definedName name="XRefPaste193" hidden="1">#REF!</definedName>
    <definedName name="XRefPaste193Row" hidden="1">#REF!</definedName>
    <definedName name="XRefPaste194" hidden="1">#REF!</definedName>
    <definedName name="XRefPaste194Row" hidden="1">#REF!</definedName>
    <definedName name="XRefPaste195" hidden="1">#REF!</definedName>
    <definedName name="XRefPaste195Row" hidden="1">#REF!</definedName>
    <definedName name="XRefPaste196" hidden="1">#REF!</definedName>
    <definedName name="XRefPaste196Row" hidden="1">#REF!</definedName>
    <definedName name="XRefPaste197" hidden="1">#REF!</definedName>
    <definedName name="XRefPaste197Row" hidden="1">#REF!</definedName>
    <definedName name="XRefPaste198" hidden="1">#REF!</definedName>
    <definedName name="XRefPaste198Row" hidden="1">#REF!</definedName>
    <definedName name="XRefPaste199" hidden="1">#REF!</definedName>
    <definedName name="XRefPaste199Row" hidden="1">#REF!</definedName>
    <definedName name="XRefPaste19Row" hidden="1">#REF!</definedName>
    <definedName name="XRefPaste1Row" hidden="1">#REF!</definedName>
    <definedName name="XRefPaste2" hidden="1">#REF!</definedName>
    <definedName name="XRefPaste20" hidden="1">#REF!</definedName>
    <definedName name="XRefPaste200" hidden="1">#REF!</definedName>
    <definedName name="XRefPaste200Row" hidden="1">#REF!</definedName>
    <definedName name="XRefPaste201" hidden="1">#REF!</definedName>
    <definedName name="XRefPaste201Row" hidden="1">#REF!</definedName>
    <definedName name="XRefPaste202" hidden="1">#REF!</definedName>
    <definedName name="XRefPaste202Row" hidden="1">#REF!</definedName>
    <definedName name="XRefPaste203" hidden="1">#REF!</definedName>
    <definedName name="XRefPaste203Row" hidden="1">#REF!</definedName>
    <definedName name="XRefPaste204" hidden="1">#REF!</definedName>
    <definedName name="XRefPaste204Row" hidden="1">#REF!</definedName>
    <definedName name="XRefPaste205" hidden="1">#REF!</definedName>
    <definedName name="XRefPaste205Row" hidden="1">#REF!</definedName>
    <definedName name="XRefPaste206" hidden="1">#REF!</definedName>
    <definedName name="XRefPaste206Row" hidden="1">#REF!</definedName>
    <definedName name="XRefPaste207" hidden="1">#REF!</definedName>
    <definedName name="XRefPaste207Row" hidden="1">#REF!</definedName>
    <definedName name="XRefPaste208" hidden="1">#REF!</definedName>
    <definedName name="XRefPaste208Row" hidden="1">#REF!</definedName>
    <definedName name="XRefPaste209" hidden="1">#REF!</definedName>
    <definedName name="XRefPaste209Row" hidden="1">#REF!</definedName>
    <definedName name="XRefPaste20Row" hidden="1">#REF!</definedName>
    <definedName name="XRefPaste21" hidden="1">#REF!</definedName>
    <definedName name="XRefPaste210" hidden="1">#REF!</definedName>
    <definedName name="XRefPaste210Row" hidden="1">#REF!</definedName>
    <definedName name="XRefPaste211" hidden="1">#REF!</definedName>
    <definedName name="XRefPaste211Row" hidden="1">#REF!</definedName>
    <definedName name="XRefPaste212" hidden="1">#REF!</definedName>
    <definedName name="XRefPaste212Row" hidden="1">#REF!</definedName>
    <definedName name="XRefPaste218" hidden="1">#REF!</definedName>
    <definedName name="XRefPaste218Row" hidden="1">#REF!</definedName>
    <definedName name="XRefPaste219" hidden="1">#REF!</definedName>
    <definedName name="XRefPaste219Row" hidden="1">#REF!</definedName>
    <definedName name="XRefPaste21Row" hidden="1">#REF!</definedName>
    <definedName name="XRefPaste22" hidden="1">#REF!</definedName>
    <definedName name="XRefPaste220" hidden="1">#REF!</definedName>
    <definedName name="XRefPaste220Row" hidden="1">#REF!</definedName>
    <definedName name="XRefPaste221" hidden="1">#REF!</definedName>
    <definedName name="XRefPaste221Row" hidden="1">#REF!</definedName>
    <definedName name="XRefPaste222" hidden="1">#REF!</definedName>
    <definedName name="XRefPaste222Row" hidden="1">#REF!</definedName>
    <definedName name="XRefPaste223" hidden="1">#REF!</definedName>
    <definedName name="XRefPaste223Row" hidden="1">#REF!</definedName>
    <definedName name="XRefPaste224" hidden="1">#REF!</definedName>
    <definedName name="XRefPaste224Row" hidden="1">#REF!</definedName>
    <definedName name="XRefPaste225" hidden="1">#REF!</definedName>
    <definedName name="XRefPaste225Row" hidden="1">#REF!</definedName>
    <definedName name="XRefPaste226" hidden="1">#REF!</definedName>
    <definedName name="XRefPaste226Row" hidden="1">#REF!</definedName>
    <definedName name="XRefPaste227" hidden="1">#REF!</definedName>
    <definedName name="XRefPaste227Row" hidden="1">#REF!</definedName>
    <definedName name="XRefPaste228" hidden="1">#REF!</definedName>
    <definedName name="XRefPaste228Row" hidden="1">#REF!</definedName>
    <definedName name="XRefPaste229" hidden="1">#REF!</definedName>
    <definedName name="XRefPaste229Row" hidden="1">#REF!</definedName>
    <definedName name="XRefPaste22Row" hidden="1">#REF!</definedName>
    <definedName name="XRefPaste23" hidden="1">#REF!</definedName>
    <definedName name="XRefPaste230" hidden="1">#REF!</definedName>
    <definedName name="XRefPaste230Row" hidden="1">#REF!</definedName>
    <definedName name="XRefPaste231" hidden="1">#REF!</definedName>
    <definedName name="XRefPaste231Row" hidden="1">#REF!</definedName>
    <definedName name="XRefPaste232" hidden="1">#REF!</definedName>
    <definedName name="XRefPaste232Row" hidden="1">#REF!</definedName>
    <definedName name="XRefPaste233" hidden="1">#REF!</definedName>
    <definedName name="XRefPaste233Row" hidden="1">#REF!</definedName>
    <definedName name="XRefPaste234" hidden="1">#REF!</definedName>
    <definedName name="XRefPaste234Row" hidden="1">#REF!</definedName>
    <definedName name="XRefPaste235" hidden="1">#REF!</definedName>
    <definedName name="XRefPaste235Row" hidden="1">#REF!</definedName>
    <definedName name="XRefPaste236" hidden="1">#REF!</definedName>
    <definedName name="XRefPaste236Row" hidden="1">#REF!</definedName>
    <definedName name="XRefPaste237" hidden="1">#REF!</definedName>
    <definedName name="XRefPaste237Row" hidden="1">#REF!</definedName>
    <definedName name="XRefPaste238" hidden="1">#REF!</definedName>
    <definedName name="XRefPaste238Row" hidden="1">#REF!</definedName>
    <definedName name="XRefPaste239" hidden="1">#REF!</definedName>
    <definedName name="XRefPaste239Row" hidden="1">#REF!</definedName>
    <definedName name="XRefPaste23Row" hidden="1">#REF!</definedName>
    <definedName name="XRefPaste24" hidden="1">#REF!</definedName>
    <definedName name="XRefPaste240" hidden="1">#REF!</definedName>
    <definedName name="XRefPaste240Row" hidden="1">#REF!</definedName>
    <definedName name="XRefPaste241" hidden="1">#REF!</definedName>
    <definedName name="XRefPaste241Row" hidden="1">#REF!</definedName>
    <definedName name="XRefPaste243" hidden="1">#REF!</definedName>
    <definedName name="XRefPaste243Row" hidden="1">#REF!</definedName>
    <definedName name="XRefPaste244" hidden="1">#REF!</definedName>
    <definedName name="XRefPaste244Row" hidden="1">#REF!</definedName>
    <definedName name="XRefPaste245" hidden="1">#REF!</definedName>
    <definedName name="XRefPaste245Row" hidden="1">#REF!</definedName>
    <definedName name="XRefPaste246" hidden="1">#REF!</definedName>
    <definedName name="XRefPaste246Row" hidden="1">#REF!</definedName>
    <definedName name="XRefPaste247" hidden="1">#REF!</definedName>
    <definedName name="XRefPaste247Row" hidden="1">#REF!</definedName>
    <definedName name="XRefPaste248" hidden="1">#REF!</definedName>
    <definedName name="XRefPaste248Row" hidden="1">#REF!</definedName>
    <definedName name="XRefPaste249" hidden="1">#REF!</definedName>
    <definedName name="XRefPaste249Row" hidden="1">#REF!</definedName>
    <definedName name="XRefPaste24Row" hidden="1">#REF!</definedName>
    <definedName name="XRefPaste25" hidden="1">#REF!</definedName>
    <definedName name="XRefPaste250" hidden="1">#REF!</definedName>
    <definedName name="XRefPaste250Row" hidden="1">#REF!</definedName>
    <definedName name="XRefPaste251" hidden="1">#REF!</definedName>
    <definedName name="XRefPaste251Row" hidden="1">#REF!</definedName>
    <definedName name="XRefPaste252" hidden="1">#REF!</definedName>
    <definedName name="XRefPaste253" hidden="1">#REF!</definedName>
    <definedName name="XRefPaste254" hidden="1">#REF!</definedName>
    <definedName name="XRefPaste255" hidden="1">#REF!</definedName>
    <definedName name="XRefPaste256" hidden="1">#REF!</definedName>
    <definedName name="XRefPaste257" hidden="1">#REF!</definedName>
    <definedName name="XRefPaste257Row" hidden="1">#REF!</definedName>
    <definedName name="XRefPaste258" hidden="1">#REF!</definedName>
    <definedName name="XRefPaste259" hidden="1">#REF!</definedName>
    <definedName name="XRefPaste259Row" hidden="1">#REF!</definedName>
    <definedName name="XRefPaste25Row" hidden="1">#REF!</definedName>
    <definedName name="XRefPaste26" hidden="1">#REF!</definedName>
    <definedName name="XRefPaste260" hidden="1">#REF!</definedName>
    <definedName name="XRefPaste260Row" hidden="1">#REF!</definedName>
    <definedName name="XRefPaste261" hidden="1">#REF!</definedName>
    <definedName name="XRefPaste261Row" hidden="1">#REF!</definedName>
    <definedName name="XRefPaste262" hidden="1">#REF!</definedName>
    <definedName name="XRefPaste262Row" hidden="1">#REF!</definedName>
    <definedName name="XRefPaste263" hidden="1">#REF!</definedName>
    <definedName name="XRefPaste263Row" hidden="1">#REF!</definedName>
    <definedName name="XRefPaste264" hidden="1">#REF!</definedName>
    <definedName name="XRefPaste264Row" hidden="1">#REF!</definedName>
    <definedName name="XRefPaste265" hidden="1">#REF!</definedName>
    <definedName name="XRefPaste266" hidden="1">#REF!</definedName>
    <definedName name="XRefPaste266Row" hidden="1">#REF!</definedName>
    <definedName name="XRefPaste267" hidden="1">#REF!</definedName>
    <definedName name="XRefPaste268" hidden="1">#REF!</definedName>
    <definedName name="XRefPaste268Row" hidden="1">#REF!</definedName>
    <definedName name="XRefPaste269" hidden="1">#REF!</definedName>
    <definedName name="XRefPaste269Row" hidden="1">#REF!</definedName>
    <definedName name="XRefPaste26Row" hidden="1">#REF!</definedName>
    <definedName name="XRefPaste27" hidden="1">#REF!</definedName>
    <definedName name="XRefPaste270" hidden="1">#REF!</definedName>
    <definedName name="XRefPaste270Row" hidden="1">#REF!</definedName>
    <definedName name="XRefPaste271" hidden="1">#REF!</definedName>
    <definedName name="XRefPaste271Row" hidden="1">#REF!</definedName>
    <definedName name="XRefPaste272" hidden="1">#REF!</definedName>
    <definedName name="XRefPaste272Row" hidden="1">#REF!</definedName>
    <definedName name="XRefPaste273" hidden="1">#REF!</definedName>
    <definedName name="XRefPaste274" hidden="1">#REF!</definedName>
    <definedName name="XRefPaste274Row" hidden="1">#REF!</definedName>
    <definedName name="XRefPaste275" hidden="1">#REF!</definedName>
    <definedName name="XRefPaste275Row" hidden="1">#REF!</definedName>
    <definedName name="XRefPaste276" hidden="1">#REF!</definedName>
    <definedName name="XRefPaste276Row" hidden="1">#REF!</definedName>
    <definedName name="XRefPaste277" hidden="1">#REF!</definedName>
    <definedName name="XRefPaste277Row" hidden="1">#REF!</definedName>
    <definedName name="XRefPaste278" hidden="1">#REF!</definedName>
    <definedName name="XRefPaste278Row" hidden="1">#REF!</definedName>
    <definedName name="XRefPaste279" hidden="1">#REF!</definedName>
    <definedName name="XRefPaste279Row" hidden="1">#REF!</definedName>
    <definedName name="XRefPaste27Row" hidden="1">#REF!</definedName>
    <definedName name="XRefPaste28" hidden="1">#REF!</definedName>
    <definedName name="XRefPaste280" hidden="1">#REF!</definedName>
    <definedName name="XRefPaste281" hidden="1">#REF!</definedName>
    <definedName name="XRefPaste282" hidden="1">#REF!</definedName>
    <definedName name="XRefPaste282Row" hidden="1">#REF!</definedName>
    <definedName name="XRefPaste283" hidden="1">#REF!</definedName>
    <definedName name="XRefPaste284" hidden="1">#REF!</definedName>
    <definedName name="XRefPaste28Row" hidden="1">#REF!</definedName>
    <definedName name="XRefPaste29" hidden="1">#REF!</definedName>
    <definedName name="XRefPaste29Row" hidden="1">#REF!</definedName>
    <definedName name="XRefPaste2Row" hidden="1">#REF!</definedName>
    <definedName name="XRefPaste3" hidden="1">#REF!</definedName>
    <definedName name="XRefPaste30" hidden="1">#REF!</definedName>
    <definedName name="XRefPaste30Row" hidden="1">#REF!</definedName>
    <definedName name="XRefPaste31" hidden="1">#REF!</definedName>
    <definedName name="XRefPaste31Row" hidden="1">#REF!</definedName>
    <definedName name="XRefPaste32" hidden="1">#REF!</definedName>
    <definedName name="XRefPaste32Row" hidden="1">#REF!</definedName>
    <definedName name="XRefPaste33" hidden="1">#REF!</definedName>
    <definedName name="XRefPaste33Row" hidden="1">#REF!</definedName>
    <definedName name="XRefPaste34" hidden="1">#REF!</definedName>
    <definedName name="XRefPaste34Row" hidden="1">#REF!</definedName>
    <definedName name="XRefPaste35" hidden="1">#REF!</definedName>
    <definedName name="XRefPaste35Row" hidden="1">#REF!</definedName>
    <definedName name="XRefPaste36" hidden="1">#REF!</definedName>
    <definedName name="XRefPaste36Row" hidden="1">#REF!</definedName>
    <definedName name="XRefPaste37" hidden="1">#REF!</definedName>
    <definedName name="XRefPaste37Row" hidden="1">#REF!</definedName>
    <definedName name="XRefPaste38" hidden="1">#REF!</definedName>
    <definedName name="XRefPaste38Row" hidden="1">#REF!</definedName>
    <definedName name="XRefPaste39" hidden="1">#REF!</definedName>
    <definedName name="XRefPaste39Row" hidden="1">#REF!</definedName>
    <definedName name="XRefPaste3Row" hidden="1">#REF!</definedName>
    <definedName name="XRefPaste4" hidden="1">#REF!</definedName>
    <definedName name="XRefPaste40" hidden="1">#REF!</definedName>
    <definedName name="XRefPaste40Row" hidden="1">#REF!</definedName>
    <definedName name="XRefPaste41" hidden="1">#REF!</definedName>
    <definedName name="XRefPaste41Row" hidden="1">#REF!</definedName>
    <definedName name="XRefPaste42" hidden="1">#REF!</definedName>
    <definedName name="XRefPaste42Row" hidden="1">#REF!</definedName>
    <definedName name="XRefPaste43" hidden="1">#REF!</definedName>
    <definedName name="XRefPaste43Row" hidden="1">#REF!</definedName>
    <definedName name="XRefPaste44" hidden="1">#REF!</definedName>
    <definedName name="XRefPaste44Row" hidden="1">#REF!</definedName>
    <definedName name="XRefPaste45" hidden="1">#REF!</definedName>
    <definedName name="XRefPaste45Row" hidden="1">#REF!</definedName>
    <definedName name="XRefPaste46" hidden="1">#REF!</definedName>
    <definedName name="XRefPaste46Row" hidden="1">#REF!</definedName>
    <definedName name="XRefPaste47" hidden="1">#REF!</definedName>
    <definedName name="XRefPaste47Row" hidden="1">#REF!</definedName>
    <definedName name="XRefPaste48" hidden="1">#REF!</definedName>
    <definedName name="XRefPaste48Row" hidden="1">#REF!</definedName>
    <definedName name="XRefPaste49" hidden="1">#REF!</definedName>
    <definedName name="XRefPaste49Row" hidden="1">#REF!</definedName>
    <definedName name="XRefPaste4Row" hidden="1">#REF!</definedName>
    <definedName name="XRefPaste5" hidden="1">#REF!</definedName>
    <definedName name="XRefPaste50" hidden="1">#REF!</definedName>
    <definedName name="XRefPaste50Row" hidden="1">#REF!</definedName>
    <definedName name="XRefPaste51" hidden="1">#REF!</definedName>
    <definedName name="XRefPaste51Row" hidden="1">#REF!</definedName>
    <definedName name="XRefPaste52" hidden="1">#REF!</definedName>
    <definedName name="XRefPaste52Row" hidden="1">#REF!</definedName>
    <definedName name="XRefPaste53" hidden="1">#REF!</definedName>
    <definedName name="XRefPaste53Row" hidden="1">#REF!</definedName>
    <definedName name="XRefPaste54" hidden="1">#REF!</definedName>
    <definedName name="XRefPaste54Row" hidden="1">#REF!</definedName>
    <definedName name="XRefPaste55" hidden="1">#REF!</definedName>
    <definedName name="XRefPaste55Row" hidden="1">#REF!</definedName>
    <definedName name="XRefPaste56" hidden="1">#REF!</definedName>
    <definedName name="XRefPaste56Row" hidden="1">#REF!</definedName>
    <definedName name="XRefPaste57" hidden="1">#REF!</definedName>
    <definedName name="XRefPaste57Row" hidden="1">#REF!</definedName>
    <definedName name="XRefPaste58" hidden="1">#REF!</definedName>
    <definedName name="XRefPaste58Row" hidden="1">#REF!</definedName>
    <definedName name="XRefPaste59" hidden="1">#REF!</definedName>
    <definedName name="XRefPaste59Row" hidden="1">#REF!</definedName>
    <definedName name="XRefPaste5Row" hidden="1">#REF!</definedName>
    <definedName name="XRefPaste6" hidden="1">#REF!</definedName>
    <definedName name="XRefPaste60" hidden="1">#REF!</definedName>
    <definedName name="XRefPaste60Row" hidden="1">#REF!</definedName>
    <definedName name="XRefPaste61" hidden="1">#REF!</definedName>
    <definedName name="XRefPaste61Row" hidden="1">#REF!</definedName>
    <definedName name="XRefPaste62" hidden="1">#REF!</definedName>
    <definedName name="XRefPaste62Row" hidden="1">#REF!</definedName>
    <definedName name="XRefPaste63" hidden="1">#REF!</definedName>
    <definedName name="XRefPaste63Row" hidden="1">#REF!</definedName>
    <definedName name="XRefPaste64" hidden="1">#REF!</definedName>
    <definedName name="XRefPaste64Row" hidden="1">#REF!</definedName>
    <definedName name="XRefPaste65" hidden="1">#REF!</definedName>
    <definedName name="XRefPaste65Row" hidden="1">#REF!</definedName>
    <definedName name="XRefPaste66" hidden="1">#REF!</definedName>
    <definedName name="XRefPaste66Row" hidden="1">#REF!</definedName>
    <definedName name="XRefPaste67" hidden="1">#REF!</definedName>
    <definedName name="XRefPaste67Row" hidden="1">#REF!</definedName>
    <definedName name="XRefPaste68" hidden="1">#REF!</definedName>
    <definedName name="XRefPaste68Row" hidden="1">#REF!</definedName>
    <definedName name="XRefPaste69" hidden="1">#REF!</definedName>
    <definedName name="XRefPaste69Row" hidden="1">#REF!</definedName>
    <definedName name="XRefPaste6Row" hidden="1">#REF!</definedName>
    <definedName name="XRefPaste7" hidden="1">#REF!</definedName>
    <definedName name="XRefPaste70" hidden="1">#REF!</definedName>
    <definedName name="XRefPaste70Row" hidden="1">#REF!</definedName>
    <definedName name="XRefPaste71" hidden="1">#REF!</definedName>
    <definedName name="XRefPaste71Row" hidden="1">#REF!</definedName>
    <definedName name="XRefPaste72" hidden="1">#REF!</definedName>
    <definedName name="XRefPaste72Row" hidden="1">#REF!</definedName>
    <definedName name="XRefPaste73" hidden="1">#REF!</definedName>
    <definedName name="XRefPaste73Row" hidden="1">#REF!</definedName>
    <definedName name="XRefPaste74" hidden="1">#REF!</definedName>
    <definedName name="XRefPaste74Row" hidden="1">#REF!</definedName>
    <definedName name="XRefPaste75" hidden="1">#REF!</definedName>
    <definedName name="XRefPaste75Row" hidden="1">#REF!</definedName>
    <definedName name="XRefPaste76" hidden="1">#REF!</definedName>
    <definedName name="XRefPaste76Row" hidden="1">#REF!</definedName>
    <definedName name="XRefPaste77" hidden="1">#REF!</definedName>
    <definedName name="XRefPaste77Row" hidden="1">#REF!</definedName>
    <definedName name="XRefPaste78" hidden="1">#REF!</definedName>
    <definedName name="XRefPaste78Row" hidden="1">#REF!</definedName>
    <definedName name="XRefPaste79" hidden="1">#REF!</definedName>
    <definedName name="XRefPaste79Row" hidden="1">#REF!</definedName>
    <definedName name="XRefPaste7Row" hidden="1">#REF!</definedName>
    <definedName name="XRefPaste8" hidden="1">#REF!</definedName>
    <definedName name="XRefPaste80" hidden="1">#REF!</definedName>
    <definedName name="XRefPaste80Row" hidden="1">#REF!</definedName>
    <definedName name="XRefPaste81" hidden="1">#REF!</definedName>
    <definedName name="XRefPaste81Row" hidden="1">#REF!</definedName>
    <definedName name="XRefPaste82" hidden="1">#REF!</definedName>
    <definedName name="XRefPaste82Row" hidden="1">#REF!</definedName>
    <definedName name="XRefPaste83" hidden="1">#REF!</definedName>
    <definedName name="XRefPaste83Row" hidden="1">#REF!</definedName>
    <definedName name="XRefPaste84" hidden="1">#REF!</definedName>
    <definedName name="XRefPaste84Row" hidden="1">#REF!</definedName>
    <definedName name="XRefPaste85" hidden="1">#REF!</definedName>
    <definedName name="XRefPaste85Row" hidden="1">#REF!</definedName>
    <definedName name="XRefPaste86" hidden="1">#REF!</definedName>
    <definedName name="XRefPaste86Row" hidden="1">#REF!</definedName>
    <definedName name="XRefPaste87" hidden="1">#REF!</definedName>
    <definedName name="XRefPaste87Row" hidden="1">#REF!</definedName>
    <definedName name="XRefPaste88" hidden="1">#REF!</definedName>
    <definedName name="XRefPaste88Row" hidden="1">#REF!</definedName>
    <definedName name="XRefPaste89" hidden="1">#REF!</definedName>
    <definedName name="XRefPaste89Row" hidden="1">#REF!</definedName>
    <definedName name="XRefPaste8Row" hidden="1">#REF!</definedName>
    <definedName name="XRefPaste9" hidden="1">#REF!</definedName>
    <definedName name="XRefPaste90" hidden="1">#REF!</definedName>
    <definedName name="XRefPaste90Row" hidden="1">#REF!</definedName>
    <definedName name="XRefPaste91" hidden="1">#REF!</definedName>
    <definedName name="XRefPaste91Row" hidden="1">#REF!</definedName>
    <definedName name="XRefPaste92" hidden="1">#REF!</definedName>
    <definedName name="XRefPaste92Row" hidden="1">#REF!</definedName>
    <definedName name="XRefPaste93" hidden="1">#REF!</definedName>
    <definedName name="XRefPaste93Row" hidden="1">#REF!</definedName>
    <definedName name="XRefPaste94" hidden="1">#REF!</definedName>
    <definedName name="XRefPaste94Row" hidden="1">#REF!</definedName>
    <definedName name="XRefPaste95" hidden="1">#REF!</definedName>
    <definedName name="XRefPaste95Row" hidden="1">#REF!</definedName>
    <definedName name="XRefPaste96" hidden="1">#REF!</definedName>
    <definedName name="XRefPaste96Row" hidden="1">#REF!</definedName>
    <definedName name="XRefPaste97" hidden="1">#REF!</definedName>
    <definedName name="XRefPaste97Row" hidden="1">#REF!</definedName>
    <definedName name="XRefPaste98" hidden="1">#REF!</definedName>
    <definedName name="XRefPaste98Row" hidden="1">#REF!</definedName>
    <definedName name="XRefPaste99" hidden="1">#REF!</definedName>
    <definedName name="XRefPaste99Row" hidden="1">#REF!</definedName>
    <definedName name="XRefPaste9Row" hidden="1">#REF!</definedName>
    <definedName name="XRefPasteRangeCount" hidden="1">18</definedName>
    <definedName name="xx" hidden="1">#REF!</definedName>
    <definedName name="xxx" localSheetId="38" hidden="1">#REF!</definedName>
    <definedName name="xxx" localSheetId="6" hidden="1">#REF!</definedName>
    <definedName name="xxx" hidden="1">#REF!</definedName>
    <definedName name="xyx" hidden="1">#REF!</definedName>
    <definedName name="ygf" hidden="1">#REF!</definedName>
    <definedName name="ytrew" hidden="1">#REF!</definedName>
    <definedName name="yui" hidden="1">#REF!</definedName>
    <definedName name="yyy" hidden="1">#REF!</definedName>
    <definedName name="yyyyyyyyyy666666666" hidden="1">#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29" i="162" l="1"/>
  <c r="D27" i="162"/>
  <c r="B8" i="103" l="1"/>
  <c r="B9" i="103" s="1"/>
  <c r="B10" i="103" s="1"/>
  <c r="B11" i="103" s="1"/>
  <c r="B12" i="103" s="1"/>
  <c r="B13" i="103" s="1"/>
  <c r="B14" i="103" s="1"/>
  <c r="B15" i="103" s="1"/>
  <c r="B16" i="103" s="1"/>
  <c r="B17" i="103" s="1"/>
  <c r="B18" i="103" s="1"/>
  <c r="B19" i="103" s="1"/>
  <c r="B20" i="103" s="1"/>
  <c r="B21" i="103" l="1"/>
  <c r="B22" i="103" s="1"/>
  <c r="B23" i="103" s="1"/>
  <c r="B24" i="103" s="1"/>
  <c r="B25" i="103" s="1"/>
  <c r="B26" i="103" s="1"/>
  <c r="B27" i="103" s="1"/>
  <c r="B28" i="103" s="1"/>
  <c r="B29" i="103" s="1"/>
  <c r="B30" i="103" s="1"/>
  <c r="B31" i="103" s="1"/>
  <c r="B32" i="103" s="1"/>
  <c r="B33" i="103" s="1"/>
  <c r="B34" i="103" s="1"/>
  <c r="B35" i="103" s="1"/>
  <c r="B36" i="103" s="1"/>
  <c r="B37" i="103" s="1"/>
  <c r="B38" i="103" s="1"/>
  <c r="B39" i="103" s="1"/>
  <c r="B40" i="103" s="1"/>
  <c r="B41" i="103" s="1"/>
  <c r="B42" i="103" s="1"/>
  <c r="B43" i="103" s="1"/>
  <c r="B44" i="103" s="1"/>
  <c r="B45" i="103" s="1"/>
  <c r="B46" i="103" s="1"/>
  <c r="B47" i="103" s="1"/>
  <c r="B48" i="103" s="1"/>
  <c r="B49" i="103" s="1"/>
  <c r="B50" i="103" s="1"/>
</calcChain>
</file>

<file path=xl/sharedStrings.xml><?xml version="1.0" encoding="utf-8"?>
<sst xmlns="http://schemas.openxmlformats.org/spreadsheetml/2006/main" count="2003" uniqueCount="1204">
  <si>
    <t>Modelo EU OV1 — Síntese dos montantes totais das exposições ao risco</t>
  </si>
  <si>
    <t>Modelo EU KM1 — Modelo para os indicadores de base</t>
  </si>
  <si>
    <t>Total dos montantes de exposição ao risco</t>
  </si>
  <si>
    <t>Total dos requisitos de fundos próprios</t>
  </si>
  <si>
    <t>a</t>
  </si>
  <si>
    <t>b</t>
  </si>
  <si>
    <t>c</t>
  </si>
  <si>
    <t>Risco de crédito (excluindo CCR)</t>
  </si>
  <si>
    <t xml:space="preserve">do qual: método padrão </t>
  </si>
  <si>
    <t xml:space="preserve">do qual: método básico IRB (F-IRB) </t>
  </si>
  <si>
    <t>do qual: método de afetação</t>
  </si>
  <si>
    <t>EU 4a</t>
  </si>
  <si>
    <t>do qual: ações de acordo com o método de ponderação de risco simples</t>
  </si>
  <si>
    <t xml:space="preserve">do qual: método IRB avançado (A-IRB) </t>
  </si>
  <si>
    <t xml:space="preserve">Risco de crédito de contraparte - CCR </t>
  </si>
  <si>
    <t>do qual: método do modelo interno (IMM)</t>
  </si>
  <si>
    <t>EU 8a</t>
  </si>
  <si>
    <t>do qual: exposições a uma CCP</t>
  </si>
  <si>
    <t>EU 8b</t>
  </si>
  <si>
    <t>do qual: ajustamento da avaliação de crédito — CVA</t>
  </si>
  <si>
    <t>do qual: outro CCR</t>
  </si>
  <si>
    <t>Não aplicável</t>
  </si>
  <si>
    <t xml:space="preserve">Risco de liquidação </t>
  </si>
  <si>
    <t>Exposições de titularização não incluídas na carteira de negociação (após o limite máximo)</t>
  </si>
  <si>
    <t xml:space="preserve">do qual: método SEC-IRBA </t>
  </si>
  <si>
    <t>do qual: SEC-ERBA (incluindo IAA)</t>
  </si>
  <si>
    <t xml:space="preserve">do qual: método SEC-SA </t>
  </si>
  <si>
    <t>EU 19a</t>
  </si>
  <si>
    <t>do qual: 1250 % / dedução</t>
  </si>
  <si>
    <t>Riscos de posição, cambial e de mercadorias (risco de mercado)</t>
  </si>
  <si>
    <t xml:space="preserve">do qual: IMA </t>
  </si>
  <si>
    <t>EU 22a</t>
  </si>
  <si>
    <t>Grandes riscos</t>
  </si>
  <si>
    <t xml:space="preserve">Risco operacional </t>
  </si>
  <si>
    <t>EU 23a</t>
  </si>
  <si>
    <t xml:space="preserve">do qual: método do indicador básico </t>
  </si>
  <si>
    <t>EU 23b</t>
  </si>
  <si>
    <t>EU 23c</t>
  </si>
  <si>
    <t xml:space="preserve">do qual: método de medição avançada </t>
  </si>
  <si>
    <t>Montantes inferiores aos limites de dedução (sujeitos a
ponderação de risco de 250 %)</t>
  </si>
  <si>
    <t>Total</t>
  </si>
  <si>
    <t>d</t>
  </si>
  <si>
    <t>e</t>
  </si>
  <si>
    <t>Fundos próprios disponíveis (montantes)</t>
  </si>
  <si>
    <t xml:space="preserve">Fundos próprios principais de nível 1 (CET1) </t>
  </si>
  <si>
    <t xml:space="preserve">Fundos próprios de nível 1 </t>
  </si>
  <si>
    <t xml:space="preserve">Capital total </t>
  </si>
  <si>
    <t>Montantes das exposições ponderadas pelo risco</t>
  </si>
  <si>
    <t>Montante total das exposições</t>
  </si>
  <si>
    <t>Rácio de nível 1 (%)</t>
  </si>
  <si>
    <t>Rácio de fundos próprios total (%)</t>
  </si>
  <si>
    <t>Requisitos de fundos próprios adicionais para fazer face a outros riscos que não o risco de alavancagem excessiva (em percentagem do montante da exposição ponderada pelo risco)</t>
  </si>
  <si>
    <t>EU 7a</t>
  </si>
  <si>
    <t>EU 7b</t>
  </si>
  <si>
    <t xml:space="preserve">     do qual: a satisfazer através de fundos próprios CET1 (pontos percentuais)</t>
  </si>
  <si>
    <t>EU 7c</t>
  </si>
  <si>
    <t xml:space="preserve">     do qual: a satisfazer através de fundos próprios de nível 1 (pontos percentuais)</t>
  </si>
  <si>
    <t>EU 7d</t>
  </si>
  <si>
    <t>Total dos requisitos de fundos próprios SREP (%)</t>
  </si>
  <si>
    <t>Requisito combinado de fundos próprios global e de reserva de fundos próprios (em percentagem do montante da exposição ponderada pelo risco)</t>
  </si>
  <si>
    <t>Reserva de conservação de fundos próprios</t>
  </si>
  <si>
    <t>Reserva de conservação decorrente de riscos macroprudenciais ou sistémicos identificados ao nível de um Estado-Membro (%)</t>
  </si>
  <si>
    <t>Reserva contracíclica de fundos próprios específica da instituição (%)</t>
  </si>
  <si>
    <t>EU 9a</t>
  </si>
  <si>
    <t>Reserva para risco sistémico (%)</t>
  </si>
  <si>
    <t>Reserva das instituições de importância sistémica global (%)</t>
  </si>
  <si>
    <t>EU 10a</t>
  </si>
  <si>
    <t>Reserva das outras instituições de importância sistémica (%)</t>
  </si>
  <si>
    <t>Requisito combinado de reservas de fundos próprios (%)</t>
  </si>
  <si>
    <t>EU 11a</t>
  </si>
  <si>
    <t>Requisito global de fundos próprios (%)</t>
  </si>
  <si>
    <t>CET1 disponíveis após satisfação dos requisitos de fundos próprios totais SREP (%)</t>
  </si>
  <si>
    <t>Rácio de alavancagem</t>
  </si>
  <si>
    <t>Medida de exposição total</t>
  </si>
  <si>
    <t>Rácio de alavancagem (%)</t>
  </si>
  <si>
    <t>EU 14a</t>
  </si>
  <si>
    <t xml:space="preserve">Requisitos de fundos próprios adicionais para fazer face ao risco de alavancagem excessiva (%) </t>
  </si>
  <si>
    <t>EU 14b</t>
  </si>
  <si>
    <t>EU 14c</t>
  </si>
  <si>
    <t>EU 14d</t>
  </si>
  <si>
    <t>Requisito de reserva para rácio de alavancagem (%)</t>
  </si>
  <si>
    <t>EU 14e</t>
  </si>
  <si>
    <t>Requisito de rácio de alavancagem global (%)</t>
  </si>
  <si>
    <t>Total dos ativos líquidos de elevada qualidade (HQLA) (valor ponderado - média)</t>
  </si>
  <si>
    <t>EU 16a</t>
  </si>
  <si>
    <t xml:space="preserve">Saídas de caixa - Valor ponderado total </t>
  </si>
  <si>
    <t>EU 16b</t>
  </si>
  <si>
    <t xml:space="preserve">Entradas de caixa - Valor ponderado total </t>
  </si>
  <si>
    <t>Total de saídas de caixa líquidas (valor ajustado)</t>
  </si>
  <si>
    <t>Rácio de cobertura de liquidez (%)</t>
  </si>
  <si>
    <t>Total de financiamento estável disponível</t>
  </si>
  <si>
    <t>Total de financiamento estável requerido</t>
  </si>
  <si>
    <t>Rácio NSFR (%)</t>
  </si>
  <si>
    <t>Valor de exposição</t>
  </si>
  <si>
    <t>f</t>
  </si>
  <si>
    <t>g</t>
  </si>
  <si>
    <t>h</t>
  </si>
  <si>
    <t>Títulos de capital</t>
  </si>
  <si>
    <t>Risco operacional</t>
  </si>
  <si>
    <t>Modelo EU CC1 - Composição dos fundos próprios regulamentares</t>
  </si>
  <si>
    <t>Modelo EU CC2 - Reconciliação dos fundos próprios regulamentares com o balanço nas demonstrações financeiras auditadas</t>
  </si>
  <si>
    <t xml:space="preserve">Fundos próprios principais de nível 1 (CET1)  Instrumentos e reservas                                             </t>
  </si>
  <si>
    <t xml:space="preserve">Instrumentos de fundos próprios e contas de prémios de emissão conexos </t>
  </si>
  <si>
    <t xml:space="preserve">Resultados retidos </t>
  </si>
  <si>
    <t>Outro rendimento integral acumulado (e outras reservas)</t>
  </si>
  <si>
    <t>EU-3a</t>
  </si>
  <si>
    <t>Fundos para riscos bancários gerais</t>
  </si>
  <si>
    <t xml:space="preserve">Montante dos elementos considerados a que se refere o artigo 484.º, n.º 3, do CRR e das contas de prémios de emissão conexos sujeitos a eliminação progressiva dos CET1 </t>
  </si>
  <si>
    <t>Interesses minoritários (montante permitido nos CET1 consolidados)</t>
  </si>
  <si>
    <t>EU-5a</t>
  </si>
  <si>
    <t xml:space="preserve">Lucros provisórios objeto de revisão independente, líquidos de qualquer encargo ou dividendo previsível </t>
  </si>
  <si>
    <t>Fundos próprios principais de nível 1 (CET1) antes de ajustamentos regulamentares</t>
  </si>
  <si>
    <t>Fundos próprios principais de nível 1 (CET1): ajustamentos regulamentares </t>
  </si>
  <si>
    <t>Ajustamentos de valor adicionais (valor negativo)</t>
  </si>
  <si>
    <t>Ativos intangíveis (líquidos do passivo por impostos correspondente) (valor negativo)</t>
  </si>
  <si>
    <t>Ativos por impostos diferidos que dependem de rentabilidade futura, excluindo os decorrentes de diferenças temporárias (líquidos do passivo por impostos correspondente, se estiverem preenchidas as condições previstas no artigo 38.º, n.º 3, do CRR) (valor negativo)</t>
  </si>
  <si>
    <t>Reservas de justo valor relativas a ganhos ou perdas decorrentes de coberturas de fluxos de caixa de instrumentos financeiros que não são avaliados pelo justo valor</t>
  </si>
  <si>
    <t xml:space="preserve">Montantes negativos resultantes do cálculo dos montantes das perdas esperadas </t>
  </si>
  <si>
    <t>Qualquer aumento dos fundos próprios que resulte de ativos titularizados (valor negativo)</t>
  </si>
  <si>
    <t>Ganhos ou perdas com passivos avaliados pelo justo valor resultantes de alterações na qualidade de crédito da própria instituição</t>
  </si>
  <si>
    <t>Ativos de fundos de pensões com benefícios definidos (valor negativo)</t>
  </si>
  <si>
    <t>Detenções diretas e indiretas, pela instituição, dos seus próprios instrumentos de CET1 (valor negativo)</t>
  </si>
  <si>
    <t>Detenções diretas, indiretas e sintéticas de instrumentos de CET1 de entidades do setor financeiro que têm detenções cruzadas recíprocas com a instituição com o objetivo de inflacionar artificialmente os fundos próprios da instituição (valor negativo)</t>
  </si>
  <si>
    <t>Detenções diretas, indiretas e sintéticas, pela instituição, de instrumentos de CET1 de entidades do setor financeiro nas quais a instituição não tem um investimento significativo (montante acima do limiar de 10 % e líquido de posições curtas elegíveis) (valor negativo)</t>
  </si>
  <si>
    <t>Detenções diretas, indiretas e sintéticas, pela instituição, de instrumentos de CET1 de entidades do setor financeiro nas quais a instituição tem um investimento significativo (montante acima do limiar de 10 % e líquido de posições curtas elegíveis) (valor negativo)</t>
  </si>
  <si>
    <t>EU-20a</t>
  </si>
  <si>
    <t>Montante de exposição dos seguintes elementos elegíveis para uma ponderação de risco de 1250 %, nos casos em que a instituição opta pela alternativa da dedução</t>
  </si>
  <si>
    <t>EU-20b</t>
  </si>
  <si>
    <t xml:space="preserve">     do qual: detenções elegíveis fora do setor financeiro (valor negativo)</t>
  </si>
  <si>
    <t>EU-20c</t>
  </si>
  <si>
    <t xml:space="preserve">     do qual: posições de titularização (valor negativo)</t>
  </si>
  <si>
    <t>EU-20d</t>
  </si>
  <si>
    <t xml:space="preserve">     do qual: transações incompletas (valor negativo)</t>
  </si>
  <si>
    <t>Montante acima do limiar de 17,65 % (valor negativo)</t>
  </si>
  <si>
    <t xml:space="preserve">     do qual: detenções diretas e indiretas, pela instituição, de instrumentos de CET1 de entidades do setor financeiro nas quais a instituição tem um investimento significativo</t>
  </si>
  <si>
    <t xml:space="preserve">     do qual: ativos por impostos diferidos decorrentes de diferenças temporárias</t>
  </si>
  <si>
    <t>EU-25a</t>
  </si>
  <si>
    <t>Perdas relativas ao exercício em curso (valor negativo)</t>
  </si>
  <si>
    <t>EU-25b</t>
  </si>
  <si>
    <t>Encargos por impostos previsíveis relativos a elementos dos CET1, exceto no caso de a instituição ajustar adequadamente o montante dos elementos dos CET1, na medida em que esses encargos por impostos reduzam o montante até ao qual esses elementos podem ser utilizados para a cobertura de riscos ou perdas (valor negativo)</t>
  </si>
  <si>
    <t>27a</t>
  </si>
  <si>
    <t>Total dos ajustamentos regulamentares dos fundos próprios principais de nível 1 (CET1)</t>
  </si>
  <si>
    <t>Fundos próprios adicionais de nível 1 (AT1): Instrumentos</t>
  </si>
  <si>
    <t>Instrumentos de fundos próprios e contas de prémios de emissão conexos</t>
  </si>
  <si>
    <t xml:space="preserve">     do qual: classificados como fundos próprios segundo as normas contabilísticas aplicáveis</t>
  </si>
  <si>
    <t xml:space="preserve">     do qual: classificados como passivos segundo as normas contabilísticas aplicáveis</t>
  </si>
  <si>
    <t>Montante dos elementos considerados a que se refere o artigo 484.º, n.º 4, do CRR e das contas de prémios de emissão conexos sujeitos a eliminação progressiva dos AT1</t>
  </si>
  <si>
    <t>EU-33a</t>
  </si>
  <si>
    <t>Montante dos elementos considerados a que se refere o artigo 494.º-A, n.º 1, do CRR sujeitos a eliminação progressiva dos AT1</t>
  </si>
  <si>
    <t>EU-33b</t>
  </si>
  <si>
    <t>Montante dos elementos considerados a que se refere o artigo 494.º-B, n.º 1, do CRR sujeitos a eliminação progressiva dos AT1</t>
  </si>
  <si>
    <t xml:space="preserve">Fundos próprios de nível 1 considerados incluídos nos AT1 consolidados (incluindo interesses minoritários não incluídos na linha 5) emitidos por filiais e detidos por terceiros </t>
  </si>
  <si>
    <t xml:space="preserve">    do qual: instrumentos emitidos por filiais sujeitos a eliminação progressiva </t>
  </si>
  <si>
    <t>Fundos próprios adicionais de nível 1 (AT1) antes de ajustamentos regulamentares</t>
  </si>
  <si>
    <t>Fundos próprios adicionais de nível 1 (AT1): ajustamentos regulamentares</t>
  </si>
  <si>
    <t>Detenções diretas e indiretas, pela instituição, dos seus próprios instrumentos de AT1 (valor negativo)</t>
  </si>
  <si>
    <t>Detenções diretas, indiretas e sintéticas de instrumentos de AT1 de entidades do setor financeiro que têm detenções cruzadas recíprocas com a instituição com o objetivo de inflacionar artificialmente os fundos próprios da instituição (valor negativo)</t>
  </si>
  <si>
    <t>Detenções diretas, indiretas e sintéticas de instrumentos de AT1 de entidades do setor financeiro nas quais a instituição não tem um investimento significativo (montante acima do limiar de 10 % e líquido de posições curtas elegíveis) (valor negativo)</t>
  </si>
  <si>
    <t>Detenções diretas, indiretas e sintéticas, pela instituição, de instrumentos de AT1 de entidades do setor financeiro nas quais a instituição tem um investimento significativo (líquido de posições curtas elegíveis) (valor negativo)</t>
  </si>
  <si>
    <t>Outros ajustamentos regulamentares dos fundos próprios AT1</t>
  </si>
  <si>
    <t>Total dos ajustamentos regulamentares dos fundos próprios adicionais de nível 1 (AT1)</t>
  </si>
  <si>
    <t xml:space="preserve">Fundos próprios adicionais de nível 1 (AT1) </t>
  </si>
  <si>
    <t>Fundos próprios de nível 1 (T1 = CET1 + AT1)</t>
  </si>
  <si>
    <t>Fundos próprios de nível 2 (T2): Instrumentos</t>
  </si>
  <si>
    <t>Montante dos elementos considerados a que se refere o artigo 484.º, n.º 5, do CRR e prémios de emissão conexos elegíveis sujeitos a eliminação progressiva dos T2 como descrito no artigo 486.º, n.º 4, do CRR</t>
  </si>
  <si>
    <t>EU-47a</t>
  </si>
  <si>
    <t>Montante dos elementos considerados a que se refere o artigo 494.º-A, n.º 2, do CRR sujeitos a eliminação progressiva dos T2</t>
  </si>
  <si>
    <t>EU-47b</t>
  </si>
  <si>
    <t>Montante dos elementos considerados a que se refere o artigo 494.º-B, n.º 2, do CRR sujeitos a eliminação progressiva dos T2</t>
  </si>
  <si>
    <t xml:space="preserve">Instrumentos de fundos próprios considerados incluídos nos fundos próprios T2 consolidados (incluindo interesses minoritários e instrumentos dos AT1 não incluídos nas linhas 5 ou 34) emitidos por filiais e detidos por terceiros </t>
  </si>
  <si>
    <t xml:space="preserve">   do qual: instrumentos emitidos por filiais sujeitos a eliminação progressiva</t>
  </si>
  <si>
    <t>Ajustamentos para risco de crédito</t>
  </si>
  <si>
    <t>Fundos próprios de nível 2 (T2) antes de ajustamentos regulamentares</t>
  </si>
  <si>
    <t>Fundos próprios de nível 2 (T2): ajustamentos regulamentares </t>
  </si>
  <si>
    <t>Detenções diretas, indiretas e sintéticas, pela instituição, dos seus próprios instrumentos de T2 e empréstimos subordinados (valor negativo)</t>
  </si>
  <si>
    <t>Detenções diretas, indiretas e sintéticas de instrumentos de T2 e de empréstimos subordinados de entidades do setor financeiro que têm detenções cruzadas recíprocas com a instituição com o objetivo de inflacionar artificialmente os fundos próprios da instituição (valor negativo)</t>
  </si>
  <si>
    <t xml:space="preserve">Detenções diretas, indiretas e sintéticas de instrumentos de T2 e de empréstimos subordinados de entidades do setor financeiro nas quais a instituição não tem um investimento significativo (montante acima do limiar de 10 % e líquido de posições curtas elegíveis) (valor negativo)  </t>
  </si>
  <si>
    <t>54a</t>
  </si>
  <si>
    <t>Detenções diretas, indiretas e sintéticas, pela instituição, de instrumentos de T2 e de empréstimos subordinados de entidades do setor financeiro nas quais a instituição tem um investimento significativo (líquido de posições curtas elegíveis) (valor negativo)</t>
  </si>
  <si>
    <t>Deduções dos passivos elegíveis que excedem os passivos elegíveis da instituição (valor negativo)</t>
  </si>
  <si>
    <t>Outros ajustamentos regulamentares dos fundos próprios T2</t>
  </si>
  <si>
    <t>Total dos ajustamentos regulamentares dos fundos próprios de nível 2 (T2)</t>
  </si>
  <si>
    <t xml:space="preserve">Fundos próprios de nível 2 (T2) </t>
  </si>
  <si>
    <t>Fundos próprios totais (TC = T1 + T2)</t>
  </si>
  <si>
    <t>Montante total de exposição ao risco</t>
  </si>
  <si>
    <t>Rácios e requisitos de fundos próprios, incluindo reservas prudenciais </t>
  </si>
  <si>
    <t>Fundos próprios principais de nível 1</t>
  </si>
  <si>
    <t>Fundos próprios de nível 1</t>
  </si>
  <si>
    <t>Total de fundos próprios</t>
  </si>
  <si>
    <t>Requisitos globais de fundos próprios CET1 da instituição</t>
  </si>
  <si>
    <t xml:space="preserve">do qual: requisito de reserva prudencial para conservação de fundos próprios </t>
  </si>
  <si>
    <t xml:space="preserve">do qual: requisito de reserva prudencial contracíclica de fundos próprios </t>
  </si>
  <si>
    <t xml:space="preserve">do qual: requisito de reserva prudencial para risco sistémico </t>
  </si>
  <si>
    <t>EU-67a</t>
  </si>
  <si>
    <t>do qual: requisito de reserva prudencial para instituições de importância sistémica global (G-SII) ou para outras instituições de importância sistémica (O-SII)</t>
  </si>
  <si>
    <t>EU-67b</t>
  </si>
  <si>
    <t>do qual: requisito de fundos próprios adicionais para fazer face a outros riscos que não o risco de alavancagem excessiva</t>
  </si>
  <si>
    <t>Fundos próprios principais de nível 1 (em percentagem do montante de exposição ao risco) disponíveis após satisfação dos requisitos mínimos de fundos próprios</t>
  </si>
  <si>
    <t>Mínimos nacionais (se diferentes de Basileia III)</t>
  </si>
  <si>
    <t>Montantes abaixo dos limiares de dedução (antes da ponderação pelo risco) </t>
  </si>
  <si>
    <t xml:space="preserve">Detenções diretas e indiretas, pela instituição, de instrumentos de CET1 de entidades do setor financeiro nas quais a instituição tem um investimento significativo (montante abaixo do limiar de 17,65 % e líquido de posições curtas elegíveis) </t>
  </si>
  <si>
    <t>Limites aplicáveis à inclusão de provisões nos T2 </t>
  </si>
  <si>
    <t>Ajustamentos para o risco de crédito incluídos nos T2 relacionados com exposições sujeitas ao método-padrão (antes da aplicação do limite máximo)</t>
  </si>
  <si>
    <t>Limite máximo para a inclusão de ajustamentos para o risco de crédito nos T2 de acordo com o método-padrão</t>
  </si>
  <si>
    <t>Ajustamentos para o risco de crédito incluídos nos T2 relacionados com as exposições sujeitas ao método das notações internas (antes da aplicação do limite máximo)</t>
  </si>
  <si>
    <t>Limite máximo para a inclusão de ajustamentos para o risco de crédito nos T2 de acordo com o método das notações internas</t>
  </si>
  <si>
    <t>Instrumentos de fundos próprios sujeitos a disposições de eliminação progressiva (aplicável apenas entre 1 de janeiro de 2014 e 1 de janeiro de 2022)</t>
  </si>
  <si>
    <t>Limite máximo atual para os instrumentos de CET1 sujeitos a disposições de eliminação progressiva</t>
  </si>
  <si>
    <t>Montante excluído dos CET1 devido ao limite máximo (excesso em relação ao limite máximo após resgates e vencimentos)</t>
  </si>
  <si>
    <t>Limite máximo atual para os instrumentos de AT1 sujeitos a disposições de eliminação progressiva</t>
  </si>
  <si>
    <t>Montante excluído dos AT1 devido ao limite máximo (excesso em relação ao limite máximo após resgates e vencimentos)</t>
  </si>
  <si>
    <t>Limite máximo atual para os instrumentos de T2 sujeitos a disposições de eliminação progressiva</t>
  </si>
  <si>
    <t>Montante excluído dos T2 devido ao limite máximo (excesso em relação ao limite máximo após resgates e vencimentos)</t>
  </si>
  <si>
    <t>2a</t>
  </si>
  <si>
    <t>EU-9a</t>
  </si>
  <si>
    <t>EU-9b</t>
  </si>
  <si>
    <t>Modelo EU CCyB2 - Montante da reserva contracíclica de fundos próprios específica da instituição</t>
  </si>
  <si>
    <t>Modelo EU CCyB1  - Distribuição geográfica das exposições de crédito relevantes para o cálculo da reserva contracíclica de fundos próprios</t>
  </si>
  <si>
    <t>i</t>
  </si>
  <si>
    <t>j</t>
  </si>
  <si>
    <t>k</t>
  </si>
  <si>
    <t>l</t>
  </si>
  <si>
    <t>m</t>
  </si>
  <si>
    <t>Exposições de crédito gerais</t>
  </si>
  <si>
    <t>Exposições de crédito relevantes - Risco de mercado</t>
  </si>
  <si>
    <t>Exposições de titularização - valor de exposição extra carteira de negociação</t>
  </si>
  <si>
    <t>Valor total de exposição</t>
  </si>
  <si>
    <t>Requisitos de fundos próprios</t>
  </si>
  <si>
    <t xml:space="preserve">Montantes das exposições ponderadas pelo risco </t>
  </si>
  <si>
    <t>Ponderações dos requisitos de fundos próprios
(%)</t>
  </si>
  <si>
    <t>Taxas de reserva contracíclica
(%)</t>
  </si>
  <si>
    <t>Valor de exposição segundo o método-padrão</t>
  </si>
  <si>
    <t>Valor de exposição segundo o método IRB</t>
  </si>
  <si>
    <t>Soma das posições longas e curtas das exposições da carteira de negociação para efeitos do método-padrão</t>
  </si>
  <si>
    <t>Valor das exposições da carteira de negociação para efeitos do método dos modelos internos</t>
  </si>
  <si>
    <t>Exposições ao risco de crédito relevantes - Risco de crédito</t>
  </si>
  <si>
    <t xml:space="preserve">Exposições de crédito relevantes - Exposições de titularização extra carteira de negociação </t>
  </si>
  <si>
    <t xml:space="preserve"> Total</t>
  </si>
  <si>
    <t>010</t>
  </si>
  <si>
    <t>Discriminação por país</t>
  </si>
  <si>
    <t>020</t>
  </si>
  <si>
    <t>Taxa de reserva contracíclica de fundos próprios específica da instituição</t>
  </si>
  <si>
    <t>Requisito de reserva contracíclica de fundos próprios específica da instituição</t>
  </si>
  <si>
    <t>Montante aplicável</t>
  </si>
  <si>
    <t>Total dos ativos nas demonstrações financeiras publicadas</t>
  </si>
  <si>
    <t>Ajustamento para as entidades que são consolidadas para efeitos contabilísticos mas estão fora do âmbito de consolidação prudencial</t>
  </si>
  <si>
    <t>(Ajustamento para exposições titularizadas que satisfazem os requisitos operacionais para o reconhecimento da transferência de risco)</t>
  </si>
  <si>
    <t>(Ajustamento para ativos fiduciários que são reconhecidos no balanço de acordo com o quadro contabilístico aplicável mas são excluídos da medida de exposição total de acordo com o artigo 429.º-A, n.º 1, alínea i), do CRR)</t>
  </si>
  <si>
    <t>Ajustamento para compras e vendas normalizadas de ativos financeiros sujeitos à contabilização pela data de negociação</t>
  </si>
  <si>
    <t>Ajustamento para transações de gestão centralizada de tesouraria elegíveis</t>
  </si>
  <si>
    <t>Ajustamento para operações de financiamento através de valores mobiliários (SFT)</t>
  </si>
  <si>
    <t>Ajustamento para elementos extrapatrimoniais (ou seja, conversão das exposições extrapatrimoniais em montantes de equivalente-crédito)</t>
  </si>
  <si>
    <t>(Ajustamento para correções de valor para efeitos de avaliação prudente e provisões específicas e gerais que reduziram os fundos próprios de nível 1)</t>
  </si>
  <si>
    <t>EU-11a</t>
  </si>
  <si>
    <t>(Ajustamento para exposições excluídas da medida de exposição total de acordo com o artigo 429.º-A, n.º 1, alínea c), do CRR)</t>
  </si>
  <si>
    <t>EU-11b</t>
  </si>
  <si>
    <t>(Ajustamento para exposições excluídas da medida de exposição total de acordo com o artigo 429.º-A, n.º 1, alínea j), do CRR)</t>
  </si>
  <si>
    <t>Outros ajustamentos</t>
  </si>
  <si>
    <t>Exposições para efeitos do rácio de alavancagem CRR</t>
  </si>
  <si>
    <t>Exposições patrimoniais (excluindo derivados e SFT)</t>
  </si>
  <si>
    <t>Elementos patrimoniais (excluindo derivados e SFT mas incluindo cauções)</t>
  </si>
  <si>
    <t>Valor bruto das cauções dadas no âmbito de derivados quando deduzidas aos ativos do balanço de acordo com o quadro contabilístico aplicável</t>
  </si>
  <si>
    <t>(Deduções de contas a receber contabilizados como ativos para a margem de variação em numerário fornecida em operações de derivados)</t>
  </si>
  <si>
    <t>(Ajustamento para valores mobiliários recebidos no âmbito de operações de financiamento através de valores mobiliários que são reconhecidos como ativos)</t>
  </si>
  <si>
    <t>(Ajustamentos para risco geral de crédito aos elementos patrimoniais)</t>
  </si>
  <si>
    <t>(Montantes dos ativos deduzidos na determinação dos fundos próprios de nível 1)</t>
  </si>
  <si>
    <t xml:space="preserve">Total de exposições patrimoniais (excluindo derivados e SFT) </t>
  </si>
  <si>
    <t>Exposições sobre derivados</t>
  </si>
  <si>
    <t>Custo de substituição associado a operações de derivados SA-CCR (ou seja, líquido de margem de variação em numerário elegível)</t>
  </si>
  <si>
    <t>EU-8a</t>
  </si>
  <si>
    <t>Derrogação aplicável aos derivados: contribuição dos custos de substituição de acordo com o método padrão simplificado</t>
  </si>
  <si>
    <t xml:space="preserve">Montantes adicionais para as exposições futuras potenciais associadas às operações de derivados SA-CCR </t>
  </si>
  <si>
    <t>Derrogação aplicável aos derivados: contribuição da exposição futura potencial de acordo com o método padrão simplificado</t>
  </si>
  <si>
    <t>Exposição determinada pelo método do risco inicial</t>
  </si>
  <si>
    <t>(Componente CCP isenta das exposições em que uma instituição procede em nome de um cliente à compensação através de uma CCP) (SA-CCR)</t>
  </si>
  <si>
    <t>EU-10a</t>
  </si>
  <si>
    <t>EU-10b</t>
  </si>
  <si>
    <t>Montante nocional efetivo ajustado dos derivados de crédito vendidos</t>
  </si>
  <si>
    <t>(Diferenças nocionais efetivas ajustadas e deduções das majorações para os derivados de crédito vendidos)</t>
  </si>
  <si>
    <t xml:space="preserve">Total de exposições sobre derivados </t>
  </si>
  <si>
    <t>Exposições sobre operações de financiamento através de valores mobiliários (SFT)</t>
  </si>
  <si>
    <t>Valor bruto dos ativos SFT (sem reconhecimento da compensação), após ajustamento para as operações contabilizadas como vendas</t>
  </si>
  <si>
    <t>(Valor líquido dos montantes a pagar e a receber em numerário dos ativos SFT em termos brutos)</t>
  </si>
  <si>
    <t>Exposição ao risco de crédito de contraparte para ativos SFT</t>
  </si>
  <si>
    <t>EU-16a</t>
  </si>
  <si>
    <t>Derrogação aplicável às SFT: Exposição ao risco de crédito de contraparte de acordo com o artigo 429.º-B, n.º 5, e o artigo 222.º do CRR</t>
  </si>
  <si>
    <t>Exposições pela participação em transações na qualidade de agente</t>
  </si>
  <si>
    <t>EU-17a</t>
  </si>
  <si>
    <t>(Componente CCP isenta das exposições SFT em que uma instituição procede em nome de um cliente à compensação através de uma CCP)</t>
  </si>
  <si>
    <t>Total das exposições sobre operações de financiamento através de valores mobiliários</t>
  </si>
  <si>
    <t xml:space="preserve">Outras exposições extrapatrimoniais </t>
  </si>
  <si>
    <t>Exposições extrapatrimoniais em valor nocional bruto</t>
  </si>
  <si>
    <t>(Ajustamentos para conversão em montantes de equivalente-crédito)</t>
  </si>
  <si>
    <t>Exposições extrapatrimoniais</t>
  </si>
  <si>
    <t>Exposições excluídas</t>
  </si>
  <si>
    <t>EU-22a</t>
  </si>
  <si>
    <t>(Exposições excluídas da medida de exposição total, de acordo com o artigo 429.º-A, n.º 1, alínea c), do CRR)</t>
  </si>
  <si>
    <t>EU-22b</t>
  </si>
  <si>
    <t>(Exposições isentas de acordo com o artigo 429.º-A, n.º 1, alínea j), do CRR (patrimoniais e extrapatrimoniais))</t>
  </si>
  <si>
    <t>EU-22c</t>
  </si>
  <si>
    <t>(Exposições de bancos (ou unidades) públicos de desenvolvimento excluídas — Investimentos do setor público)</t>
  </si>
  <si>
    <t>EU-22d</t>
  </si>
  <si>
    <t>(Exposições de bancos (ou unidades) públicos de desenvolvimento excluídas— Empréstimos de fomento )</t>
  </si>
  <si>
    <t>EU-22e</t>
  </si>
  <si>
    <t>EU-22f</t>
  </si>
  <si>
    <t xml:space="preserve">(Partes garantidas de exposições decorrentes de créditos à exportação excluídas) </t>
  </si>
  <si>
    <t>EU-22g</t>
  </si>
  <si>
    <t>(Excedentes de caução depositados em agentes tripartidos excluídos)</t>
  </si>
  <si>
    <t>EU-22h</t>
  </si>
  <si>
    <t>(Serviços auxiliares de centrais de valores mobiliários/instituições excluídos, de acordo com o artigo 429.º-A, n.º 1, alínea o), do CRR</t>
  </si>
  <si>
    <t>EU-22i</t>
  </si>
  <si>
    <t>(Serviços auxiliares de centrais de valores mobiliários de instituições designadas excluídos, de acordo com o artigo 429.º-A, n.º 1, alínea p), do CRR</t>
  </si>
  <si>
    <t>EU-22j</t>
  </si>
  <si>
    <t>(Redução do valor de exposição de empréstimos de pré-financiamento ou intercalares)</t>
  </si>
  <si>
    <t>EU-22k</t>
  </si>
  <si>
    <t>(Total de exposições isentas)</t>
  </si>
  <si>
    <t>Fundos próprios e medida de exposição total</t>
  </si>
  <si>
    <t>EU-25</t>
  </si>
  <si>
    <t>Rácio de alavancagem (excluindo o impacto da isenção dos investimentos do setor público e dos empréstimos de fomento) (%)</t>
  </si>
  <si>
    <t>25a</t>
  </si>
  <si>
    <t>Requisito regulamentar de rácio de alavancagem mínimo (%)</t>
  </si>
  <si>
    <t>EU-26a</t>
  </si>
  <si>
    <t>EU-26b</t>
  </si>
  <si>
    <t xml:space="preserve">     do qual: a satisfazer através de fundos próprios CET1</t>
  </si>
  <si>
    <t>EU-27a</t>
  </si>
  <si>
    <t>Escolha das disposições transitórias e exposições relevantes</t>
  </si>
  <si>
    <t>Escolha quanto às disposições transitórias para a definição da medida dos fundos próprios</t>
  </si>
  <si>
    <t>Divulgação dos valores médios</t>
  </si>
  <si>
    <t>Valor no final do trimestre dos ativos SFT em termos brutos, após ajustamento para operações contabilísticas de venda e líquidos dos montantes das contas a pagar e a receber em numerário associadas</t>
  </si>
  <si>
    <t>30a</t>
  </si>
  <si>
    <t>Rácio de alavancagem (incluindo o impacto de qualquer isenção temporária aplicável das reservas junto de bancos centrais) que incorpora valores médios da linha 28 dos ativos SFT em termos brutos (após ajustamento para operações contabilísticas de venda e líquidos dos montantes das contas a pagar e a receber em numerário associadas)</t>
  </si>
  <si>
    <t>31a</t>
  </si>
  <si>
    <t>Rácio de alavancagem (excluindo o impacto de qualquer isenção temporária aplicável das reservas junto de bancos centrais) que incorpora valores médios da linha 28 dos ativos SFT em termos brutos (após ajustamento para operações contabilísticas de venda e líquidos dos montantes das contas a pagar e a receber em numerário associadas)</t>
  </si>
  <si>
    <t>EU-1</t>
  </si>
  <si>
    <t>Total das exposições patrimoniais (excluindo derivados, SFT e exposições isentas), do qual:</t>
  </si>
  <si>
    <t>EU-2</t>
  </si>
  <si>
    <t>Exposições na carteira de negociação</t>
  </si>
  <si>
    <t>EU-3</t>
  </si>
  <si>
    <t>Exposições na carteira bancária, do qual:</t>
  </si>
  <si>
    <t>EU-4</t>
  </si>
  <si>
    <t>Obrigações cobertas</t>
  </si>
  <si>
    <t>EU-5</t>
  </si>
  <si>
    <t>Exposições tratadas como soberanas</t>
  </si>
  <si>
    <t>EU-6</t>
  </si>
  <si>
    <t>Exposições perante administrações regionais, bancos multilaterais de desenvolvimento, organizações internacionais e entidades do setor público não tratadas como soberanas</t>
  </si>
  <si>
    <t>EU-7</t>
  </si>
  <si>
    <t>Instituições</t>
  </si>
  <si>
    <t>EU-8</t>
  </si>
  <si>
    <t>Garantidas por hipotecas sobre imóveis</t>
  </si>
  <si>
    <t>EU-9</t>
  </si>
  <si>
    <t>Exposições sobre clientes de retalho</t>
  </si>
  <si>
    <t>EU-10</t>
  </si>
  <si>
    <t>Empresas</t>
  </si>
  <si>
    <t>EU-11</t>
  </si>
  <si>
    <t>Exposições em situação de incumprimento</t>
  </si>
  <si>
    <t>EU-12</t>
  </si>
  <si>
    <t>Outras exposições (p. ex.: títulos de capital, titularizações e outros ativos não correspondentes a obrigações de crédito)</t>
  </si>
  <si>
    <t xml:space="preserve">Modelo EU LIQ2: Rácio de Financiamento Estável Líquido </t>
  </si>
  <si>
    <t>Valor total não ponderado (média)</t>
  </si>
  <si>
    <t>Valor total ponderado (média)</t>
  </si>
  <si>
    <t>EU 1a</t>
  </si>
  <si>
    <t>Trimestre que termina em (DD Mês AAA)</t>
  </si>
  <si>
    <t>EU 1b</t>
  </si>
  <si>
    <t>Número de pontos de dados utilizados para calcular as médias</t>
  </si>
  <si>
    <t>ATIVOS LÍQUIDOS DE ELEVADA QUALIDADE</t>
  </si>
  <si>
    <t>Total dos ativos líquidos de elevada qualidade (HQLA)</t>
  </si>
  <si>
    <t>CAIXA — SAÍDAS</t>
  </si>
  <si>
    <t>Depósitos de retalho e depósitos de pequenas empresas clientes, do qual:</t>
  </si>
  <si>
    <t>Depósitos estáveis</t>
  </si>
  <si>
    <t>Depósitos menos estáveis</t>
  </si>
  <si>
    <t>Financiamento por grosso não garantido</t>
  </si>
  <si>
    <t>Depósitos operacionais (todas as contrapartes) e depósitos em redes de bancos cooperativos</t>
  </si>
  <si>
    <t>Depósitos não operacionais (todas as contrapartes)</t>
  </si>
  <si>
    <t>Dívida não garantida</t>
  </si>
  <si>
    <t>Financiamento por grosso garantido</t>
  </si>
  <si>
    <t>Requisitos adicionais</t>
  </si>
  <si>
    <t>Saídas relacionadas com exposições sobre derivados e outros requisitos de caução</t>
  </si>
  <si>
    <t>Saídas relacionadas com perda de financiamento sobre produtos de dívida</t>
  </si>
  <si>
    <t>Facilidades de crédito e de liquidez</t>
  </si>
  <si>
    <t>Outras obrigações contratuais de financiamento</t>
  </si>
  <si>
    <t>Outras obrigações contingentes de financiamento</t>
  </si>
  <si>
    <t>TOTAL DE SAÍDAS DE CAIXA</t>
  </si>
  <si>
    <t>CAIXA — ENTRADAS</t>
  </si>
  <si>
    <t>Empréstimos garantidos (por exemplo, acordos de revenda)</t>
  </si>
  <si>
    <t>Entradas provenientes de exposições plenamente produtivas</t>
  </si>
  <si>
    <t>Outras entradas de caixa</t>
  </si>
  <si>
    <t>EU-19a</t>
  </si>
  <si>
    <t>(Diferença entre o total das entradas ponderadas e o total das saídas ponderadas decorrentes de operações em países terceiros onde existem restrições à transferência ou que são expressas em moedas não convertíveis)</t>
  </si>
  <si>
    <t>EU-19b</t>
  </si>
  <si>
    <t>(Entradas em excesso provenientes de uma instituição de crédito especializada conexa)</t>
  </si>
  <si>
    <t>TOTAL DE ENTRADAS DE CAIXA</t>
  </si>
  <si>
    <t>Entradas totalmente isentas</t>
  </si>
  <si>
    <t>Entradas sujeitas ao limite máximo de 90 %</t>
  </si>
  <si>
    <t>Entradas Sujeitas ao limite máximo de 75 %</t>
  </si>
  <si>
    <t xml:space="preserve">VALOR AJUSTADO TOTAL </t>
  </si>
  <si>
    <t>EU-21</t>
  </si>
  <si>
    <t>RESERVA DE LIQUIDEZ</t>
  </si>
  <si>
    <t>TOTAL DE SAÍDAS DE CAIXA LÍQUIDAS</t>
  </si>
  <si>
    <t>RÁCIO DE COBERTURA DE LIQUIDEZ</t>
  </si>
  <si>
    <t>de acordo com o artigo 451.º-A, n.º 3, do CRR</t>
  </si>
  <si>
    <t>Valor não ponderado por prazo de vencimento residual</t>
  </si>
  <si>
    <t>Valor ponderado</t>
  </si>
  <si>
    <t>Sem prazo de vencimento</t>
  </si>
  <si>
    <t>&lt; 6 meses</t>
  </si>
  <si>
    <t>de 6 meses até &lt; 1ano</t>
  </si>
  <si>
    <t>≥ 1 ano</t>
  </si>
  <si>
    <t>Elementos de financiamento estável disponível (ASF)</t>
  </si>
  <si>
    <t>Elementos e instrumentos de fundos próprios</t>
  </si>
  <si>
    <t>Fundos próprios</t>
  </si>
  <si>
    <t>Outros instrumentos de fundos próprios</t>
  </si>
  <si>
    <t>Depósitos de retalho</t>
  </si>
  <si>
    <t>Financiamento por grosso:</t>
  </si>
  <si>
    <t>Depósitos operacionais</t>
  </si>
  <si>
    <t>Outro financiamento por grosso</t>
  </si>
  <si>
    <t>Passivos interdependentes</t>
  </si>
  <si>
    <t xml:space="preserve">Outros passivos: </t>
  </si>
  <si>
    <t xml:space="preserve">Passivos de derivados para efeitos do NSFR </t>
  </si>
  <si>
    <t>Todos os outros passivos e instrumentos de fundos próprios não incluídos nas categorias anteriores</t>
  </si>
  <si>
    <t>Total de financiamento estável disponível (ASF)</t>
  </si>
  <si>
    <t>Elementos de financiamento estável requeridos (RSF)</t>
  </si>
  <si>
    <t>EU-15a</t>
  </si>
  <si>
    <t>Ativos onerados por um prazo de vencimento residual igual ou superior a um ano que fazem parte de um conjunto de cobertura</t>
  </si>
  <si>
    <t>Depósitos detidos noutras instituições financeiras para fins operacionais</t>
  </si>
  <si>
    <t>Empréstimos e valores mobiliários produtivos:</t>
  </si>
  <si>
    <t>Com um ponderador de risco igual ou inferior a 35 % segundo o Método Padrão de Basileia II para o risco de crédito</t>
  </si>
  <si>
    <t xml:space="preserve">Empréstimos hipotecários sobre imóveis destinados à habitação, produtivos, dos qualis: </t>
  </si>
  <si>
    <t>Outros empréstimos e valores mobiliários que não se encontram em situação de incumprimento e não são elegíveis como HQLA, incluindo títulos de capital cotados em bolsa e elementos patrimoniais de financiamento ao comércio</t>
  </si>
  <si>
    <t>Ativos interdependentes</t>
  </si>
  <si>
    <t xml:space="preserve">Outros activos: </t>
  </si>
  <si>
    <t>Mercadorias comercializadas fisicamente</t>
  </si>
  <si>
    <t>Ativos entregues como margem inicial para contratos de derivados e contribuições para fundos de proteção de CCP</t>
  </si>
  <si>
    <t xml:space="preserve">Passivos de derivados para efeitos do NSFR antes de dedução da margem de variação entregue </t>
  </si>
  <si>
    <t>Todos os outros ativos não incluídos nas categorias anteriores</t>
  </si>
  <si>
    <t>Elementos extrapatrimoniais</t>
  </si>
  <si>
    <t>Total de RSF</t>
  </si>
  <si>
    <t>Rácio de Financiamento Estável Líquido (%)</t>
  </si>
  <si>
    <t>Modelo EU CR1-A: Prazo de vencimento das exposições</t>
  </si>
  <si>
    <t>Modelo EU CR2: Variações no volume de empréstimos e adiantamentos não produtivos</t>
  </si>
  <si>
    <t>Modelo EU CQ1: Qualidade de crédito das exposições reestruturadas</t>
  </si>
  <si>
    <t xml:space="preserve">Modelo EU CQ7: Cauções obtidas por aquisição da posse e processos de execução </t>
  </si>
  <si>
    <t>Modelo EU CQ8: Cauções obtidas por aquisição da posse e processos de execução - discriminação por antiguidade</t>
  </si>
  <si>
    <t xml:space="preserve">Modelo EU CR1: Exposições produtivas e não produtivas e provisões relacionadas. </t>
  </si>
  <si>
    <t>n</t>
  </si>
  <si>
    <t>o</t>
  </si>
  <si>
    <t>Montante escriturado bruto/montante nominal</t>
  </si>
  <si>
    <t>Imparidade acumulada, variações negativas acumuladas no justo valor resultantes do risco de crédito e provisões</t>
  </si>
  <si>
    <t>Abates parciais acumulados</t>
  </si>
  <si>
    <t>Cauções e garantias financeiras recebidas</t>
  </si>
  <si>
    <t>Exposições produtivas</t>
  </si>
  <si>
    <t>Exposições não produtivas</t>
  </si>
  <si>
    <t>Exposições produtivas - Imparidade acumulada e provisões</t>
  </si>
  <si>
    <t xml:space="preserve">Exposições não produtivas - Imparidade acumulada, variações negativas acumuladas no justo valor resultantes do risco de crédito e provisões </t>
  </si>
  <si>
    <t>Sobre exposições produtivas</t>
  </si>
  <si>
    <t>Sobre exposições não produtivas</t>
  </si>
  <si>
    <t>do qual, fase 1</t>
  </si>
  <si>
    <t>do qual, fase 2</t>
  </si>
  <si>
    <t>do qual, fase 3</t>
  </si>
  <si>
    <t>005</t>
  </si>
  <si>
    <t>Saldos de caixa em bancos centrais e outros depósitos à ordem</t>
  </si>
  <si>
    <t>Empréstimos e adiantamentos</t>
  </si>
  <si>
    <t>Bancos centrais</t>
  </si>
  <si>
    <t>030</t>
  </si>
  <si>
    <t>Administrações públicas</t>
  </si>
  <si>
    <t>040</t>
  </si>
  <si>
    <t>Instituições de crédito</t>
  </si>
  <si>
    <t>050</t>
  </si>
  <si>
    <t>Outras empresas financeiras</t>
  </si>
  <si>
    <t>060</t>
  </si>
  <si>
    <t>Empresas não-financeiras</t>
  </si>
  <si>
    <t>070</t>
  </si>
  <si>
    <t xml:space="preserve">          do qual, PME</t>
  </si>
  <si>
    <t>080</t>
  </si>
  <si>
    <t>Famílias</t>
  </si>
  <si>
    <t>090</t>
  </si>
  <si>
    <t>Valores mobiliários representativos de dívida</t>
  </si>
  <si>
    <t>100</t>
  </si>
  <si>
    <t>110</t>
  </si>
  <si>
    <t>120</t>
  </si>
  <si>
    <t>130</t>
  </si>
  <si>
    <t>140</t>
  </si>
  <si>
    <t>150</t>
  </si>
  <si>
    <t>160</t>
  </si>
  <si>
    <t>170</t>
  </si>
  <si>
    <t>180</t>
  </si>
  <si>
    <t>190</t>
  </si>
  <si>
    <t>200</t>
  </si>
  <si>
    <t>210</t>
  </si>
  <si>
    <t>220</t>
  </si>
  <si>
    <t>Valor líquido de exposição</t>
  </si>
  <si>
    <t>À vista</t>
  </si>
  <si>
    <t>≤ 1 ano</t>
  </si>
  <si>
    <t>&gt; 1 ano ≤ 5 anos</t>
  </si>
  <si>
    <t>&gt; 5 anos</t>
  </si>
  <si>
    <t>Prazo de vencimento não estabelecido</t>
  </si>
  <si>
    <t xml:space="preserve">Montante escriturado bruto               </t>
  </si>
  <si>
    <t>Volume inicial de empréstimos e adiantamentos não produtivos</t>
  </si>
  <si>
    <t>Entradas nas carteiras não produtivas</t>
  </si>
  <si>
    <t>Saídas das carteiras não produtivas</t>
  </si>
  <si>
    <t>Saídas devida a abates</t>
  </si>
  <si>
    <t>Saídas devidas a outros motivos</t>
  </si>
  <si>
    <t>Volume final de empréstimos e adiantamentos não produtivos</t>
  </si>
  <si>
    <t>Montante escriturado bruto/Montante nominal das exposições que são objeto de medidas de reestruturação</t>
  </si>
  <si>
    <t>Cauções recebidas e garantias financeiras recebidas sobre exposições restruturadas</t>
  </si>
  <si>
    <t>Restruturadas produtivas</t>
  </si>
  <si>
    <t>Reestruturadas não produtivas</t>
  </si>
  <si>
    <t>Sobre exposições restruturadas produtivas</t>
  </si>
  <si>
    <t>Sobre exposições restruturadas não produtivas</t>
  </si>
  <si>
    <t>Do qual, cauções e garantias financeiras recebidas sobre exposições não produtivas que são objeto de medidas de reestruturação</t>
  </si>
  <si>
    <t>Do qual, em situação de incumprimento</t>
  </si>
  <si>
    <t>Do qual, em situação de imparidade</t>
  </si>
  <si>
    <t>Compromissos de empréstimo concedidos</t>
  </si>
  <si>
    <t>Imparidade acumulada</t>
  </si>
  <si>
    <t>Variações negativas acumuladas no justo valor resultantes do risco de crédito sobre exposições não produtivas</t>
  </si>
  <si>
    <t>Do qual, não produtivos</t>
  </si>
  <si>
    <t>Exposições patrimoniais</t>
  </si>
  <si>
    <t>Modelo EU CQ5: Qualidade de crédito dos empréstimos e adiantamentos a empresas não financeiras, por setor</t>
  </si>
  <si>
    <t>Montante escriturado bruto</t>
  </si>
  <si>
    <t>Do qual, empréstimos e adiantamentos sujeitos a imparidade</t>
  </si>
  <si>
    <t>Agricultura, silvicultura e pesca</t>
  </si>
  <si>
    <t>Indústrias extrativas</t>
  </si>
  <si>
    <t>Indústria transformadora</t>
  </si>
  <si>
    <t>Produção e distribuição de eletricidade, gás, vapor e ar frio</t>
  </si>
  <si>
    <t>Abastecimento de água</t>
  </si>
  <si>
    <t>Construção</t>
  </si>
  <si>
    <t>Comércio por grosso e a retalho</t>
  </si>
  <si>
    <t>Transporte e armazenamento</t>
  </si>
  <si>
    <t>Atividades de alojamento e restauração</t>
  </si>
  <si>
    <t>Informação e comunicação</t>
  </si>
  <si>
    <t>Atividades financeiras e de seguros</t>
  </si>
  <si>
    <t>Atividades imobiliárias</t>
  </si>
  <si>
    <t>Atividades de consultoria, científicas, técnicas e similares</t>
  </si>
  <si>
    <t>Atividades administrativas e dos serviços de apoio</t>
  </si>
  <si>
    <t>Administração pública e defesa, segurança social obrigatória</t>
  </si>
  <si>
    <t>Educação</t>
  </si>
  <si>
    <t>Serviços de saúde e atividades de ação social</t>
  </si>
  <si>
    <t>Atividades artísticas, de espetáculos e recreativas</t>
  </si>
  <si>
    <t>Outros serviços</t>
  </si>
  <si>
    <t xml:space="preserve">Cauções obtidas por aquisição da posse </t>
  </si>
  <si>
    <t>Valor no reconhecimento inicial</t>
  </si>
  <si>
    <t>Variações negativas acumuladas</t>
  </si>
  <si>
    <t>Ativos fixos tangíveis (PP&amp;E)</t>
  </si>
  <si>
    <t>Outros ativos (não PP&amp;E)</t>
  </si>
  <si>
    <t>Bens imóveis de habitação</t>
  </si>
  <si>
    <t>Bens imóveis comerciais</t>
  </si>
  <si>
    <t>Bens móveis (automóveis, embarcações, etc.)</t>
  </si>
  <si>
    <t>Instrumentos de capital próprio e de dívida</t>
  </si>
  <si>
    <t>Outros tipos de cauções</t>
  </si>
  <si>
    <t>Redução do saldo da dívida</t>
  </si>
  <si>
    <t>Total de cauções obtidas por aquisição da posse</t>
  </si>
  <si>
    <t>Restruturado ≤ 2 anos</t>
  </si>
  <si>
    <t>Restruturado &gt; 2 anos ≤ 5 anos</t>
  </si>
  <si>
    <t>Restruturado &gt; 5 anos</t>
  </si>
  <si>
    <t>Do qual, ativos não correntes detidos para venda</t>
  </si>
  <si>
    <t>Cauções obtidas por aquisição da posse classificadas como PP&amp;E</t>
  </si>
  <si>
    <t>Cauções obtidas por aquisição da posse com exceção das classificadas como PP&amp;E</t>
  </si>
  <si>
    <t>Modelo EU CR3 – Síntese das técnicas de CRM  Divulgação da utilização de técnicas de redução do risco de crédito</t>
  </si>
  <si>
    <t xml:space="preserve">Montante escriturado não garantido </t>
  </si>
  <si>
    <t>Montante escriturado garantido</t>
  </si>
  <si>
    <t xml:space="preserve">Valores mobiliários representativos de dívida </t>
  </si>
  <si>
    <t xml:space="preserve">     Do qual exposições não produtivas</t>
  </si>
  <si>
    <t xml:space="preserve">            Do qual em situação de incumprimento </t>
  </si>
  <si>
    <t>Modelo EU CR4 – Método padrão – Exposição ao risco de crédito e efeitos de redução do risco de crédito (CRM)</t>
  </si>
  <si>
    <t>Modelo EU CR5 – Método padrão</t>
  </si>
  <si>
    <t xml:space="preserve"> Classes de exposição</t>
  </si>
  <si>
    <t>Exposições antes de fatores de conversão de crédito (CCF) e antes de CRM</t>
  </si>
  <si>
    <t>Exposições após CCF e após CRM</t>
  </si>
  <si>
    <t>Ativos ponderados pelo risco (RWA) e densidade dos RWA</t>
  </si>
  <si>
    <t>RWA</t>
  </si>
  <si>
    <t xml:space="preserve">Densidade dos RWA (%) </t>
  </si>
  <si>
    <t>Entidades do setor público</t>
  </si>
  <si>
    <t>Bancos multilaterais de desenvolvimento</t>
  </si>
  <si>
    <t>Organizações internacionais</t>
  </si>
  <si>
    <t>Retalho</t>
  </si>
  <si>
    <t>Garantido por hipotecas sobre bens imóveis</t>
  </si>
  <si>
    <t>Instituições e empresas com uma avaliação de crédito de curto prazo</t>
  </si>
  <si>
    <t>Outros elementos</t>
  </si>
  <si>
    <t>TOTAL</t>
  </si>
  <si>
    <t>Ponderador de risco</t>
  </si>
  <si>
    <t>Outros</t>
  </si>
  <si>
    <t>p</t>
  </si>
  <si>
    <t>q</t>
  </si>
  <si>
    <t>Modelo EU CR7 – Método IRB – Efeito sobre os RWEA dos derivados de crédito utilizados como técnicas de CRM</t>
  </si>
  <si>
    <t>Modelo EU CR7-A — Método IRB — Divulgação da extensão da utilização de técnicas de CRM</t>
  </si>
  <si>
    <t xml:space="preserve">Modelo EU CR8 – Declarações de fluxos de RWEA relativos a exposições ao risco de crédito de acordo com o método IRB </t>
  </si>
  <si>
    <t>A-IRB</t>
  </si>
  <si>
    <t>Montante das perdas esperadas</t>
  </si>
  <si>
    <t xml:space="preserve">Administrações centrais ou bancos centrais </t>
  </si>
  <si>
    <t>Montante de exposição ponderado pelo risco antes da aplicação de derivados de crédito</t>
  </si>
  <si>
    <t>Montante de exposição ponderado pelo risco efetivo</t>
  </si>
  <si>
    <t>Administrações centrais e bancos centrais</t>
  </si>
  <si>
    <t xml:space="preserve">Total de exposições
</t>
  </si>
  <si>
    <t>Técnicas de redução do risco de crédito</t>
  </si>
  <si>
    <t>Métodos de redução do risco de crédito no cálculo dos RWEA</t>
  </si>
  <si>
    <t>Proteção real de crédito (FCP)</t>
  </si>
  <si>
    <t>Montante de exposição ponderado pelo risco</t>
  </si>
  <si>
    <t>Montante de exposição ponderado pelo risco no final do período de relato anterior</t>
  </si>
  <si>
    <t>Volume dos ativos (+/-)</t>
  </si>
  <si>
    <t>Qualidade dos ativos (+/-)</t>
  </si>
  <si>
    <t>Atualizações de modelos (+/-)</t>
  </si>
  <si>
    <t>Metodologia e política (+/-)</t>
  </si>
  <si>
    <t>Aquisições e alienações (+/-)</t>
  </si>
  <si>
    <t>Movimentos cambiais (+/-)</t>
  </si>
  <si>
    <t>Outros (+/-)</t>
  </si>
  <si>
    <t>Montante de exposição ponderado pelo risco no final do período de relato</t>
  </si>
  <si>
    <t>Modelo EU CR10 — Financiamento especializado e exposições sobre títulos de capital de acordo com o método da ponderação do risco simples</t>
  </si>
  <si>
    <t>Modelo EU CR10.1</t>
  </si>
  <si>
    <t>Financiamento especializado: Financiamento de projetos (método de afetação)</t>
  </si>
  <si>
    <t>Categorias regulamentares</t>
  </si>
  <si>
    <t>Prazo de vencimento residual</t>
  </si>
  <si>
    <t>Exposição patrimonial</t>
  </si>
  <si>
    <t>Exposição extrapatrimonial</t>
  </si>
  <si>
    <t>Categoria 1</t>
  </si>
  <si>
    <t>Inferior a 2,5 anos</t>
  </si>
  <si>
    <t>Igual ou superior a 2,5 anos</t>
  </si>
  <si>
    <t>Categoria 2</t>
  </si>
  <si>
    <t>Categoria 3</t>
  </si>
  <si>
    <t>Categoria 4</t>
  </si>
  <si>
    <t>Categoria 5</t>
  </si>
  <si>
    <t>Modelo EU CCR1 – Análise da exposição ao CCR por método</t>
  </si>
  <si>
    <t>Modelo EU CCR2 — Operações sujeitas a requisitos de fundos próprios para o risco de CVA</t>
  </si>
  <si>
    <t>Modelo EU CCR3 – Método padrão – exposições ao CCR por ponderadores de risco e classes de exposição regulamentares</t>
  </si>
  <si>
    <t>Modelo EU CCR8 – Exposições sobre CCP</t>
  </si>
  <si>
    <t>Custo de substituição (RC)</t>
  </si>
  <si>
    <t>Exposição futura potencial (PFE)</t>
  </si>
  <si>
    <t>EEPE</t>
  </si>
  <si>
    <t>Valor de exposição antes de CRM</t>
  </si>
  <si>
    <t>Valor de exposição após CRM</t>
  </si>
  <si>
    <t>RWEA</t>
  </si>
  <si>
    <t>EU - Método do risco inicial (para derivados)</t>
  </si>
  <si>
    <t>EU - SA-CCR Simplificado (para derivados)</t>
  </si>
  <si>
    <t>SA-CCR (para derivados)</t>
  </si>
  <si>
    <t>IMM (para derivados e SFT)</t>
  </si>
  <si>
    <t>Do qual conjuntos de compensação de operações de financiamento através de valores mobiliários</t>
  </si>
  <si>
    <t>2b</t>
  </si>
  <si>
    <t>Do qual derivados e conjuntos de compensação de derivados e operações de liquidação longa</t>
  </si>
  <si>
    <t>2c</t>
  </si>
  <si>
    <t>Do qual decorrente de conjuntos de compensação contratual entre produtos</t>
  </si>
  <si>
    <t>Método simples baseado em cauções financeiras (para SFT)</t>
  </si>
  <si>
    <t>Método integral baseado em cauções financeiras (para SFT)</t>
  </si>
  <si>
    <t>VaR (Valor em risco) para SFT</t>
  </si>
  <si>
    <t>Classes de exposição</t>
  </si>
  <si>
    <t xml:space="preserve">Administrações regionais ou autoridades locais </t>
  </si>
  <si>
    <t>Cauções utilizadas em operações de derivados</t>
  </si>
  <si>
    <t>Cauções utilizadas em SFT</t>
  </si>
  <si>
    <t>Tipo de caução</t>
  </si>
  <si>
    <t>Justo valor das cauções recebidas</t>
  </si>
  <si>
    <t>Justo valor das cauções dadas</t>
  </si>
  <si>
    <t>Segregadas</t>
  </si>
  <si>
    <t>Não segregadas</t>
  </si>
  <si>
    <t>Numerário – moeda nacional</t>
  </si>
  <si>
    <t>Numerário – outras moedas</t>
  </si>
  <si>
    <t>Dívida soberana nacional</t>
  </si>
  <si>
    <t>Outra dívida soberana</t>
  </si>
  <si>
    <t>Dívida de agência estatal</t>
  </si>
  <si>
    <t>Obrigações de empresas</t>
  </si>
  <si>
    <t>Outras cauções</t>
  </si>
  <si>
    <t xml:space="preserve">Valor de exposição </t>
  </si>
  <si>
    <t>Exposições sobre QCCP elegíveis (total)</t>
  </si>
  <si>
    <t>Exposições para transações em QCCP (excluindo margem inicial e contribuições para o fundo de proteção) do qual</t>
  </si>
  <si>
    <t xml:space="preserve">   i) Derivados OTC</t>
  </si>
  <si>
    <t xml:space="preserve">   ii) Derivados transacionados em bolsa</t>
  </si>
  <si>
    <t xml:space="preserve">   iii) SFT</t>
  </si>
  <si>
    <t xml:space="preserve">   iv) Conjuntos de compensação em que a compensação contratual entre produtos foi aprovada</t>
  </si>
  <si>
    <t>Margem inicial segregada</t>
  </si>
  <si>
    <t>Margem inicial não segregada</t>
  </si>
  <si>
    <t>Contribuições pré-financiadas para o fundo de proteção</t>
  </si>
  <si>
    <t>Contribuições não financiadas para o fundo de proteção</t>
  </si>
  <si>
    <t>Exposições a CCP não elegíveis (total)</t>
  </si>
  <si>
    <t>Exposições para transações em CCP não elegíveis (excluindo margem inicial e contribuições para o fundo de proteção); do qual</t>
  </si>
  <si>
    <t>Modelo EU-SEC1 — Exposições de titularização extra carteira de negociação</t>
  </si>
  <si>
    <t>Modelo EU-SEC3 — Exposições de titularização extra carteira de negociação e requisitos de fundos próprios regulamentares associados — a instituição atua na qualidade de cedente ou patrocinador</t>
  </si>
  <si>
    <t>Modelo EU-SEC4 — Exposições de titularização extra carteira de negociação e requisitos de fundos próprios regulamentares associados — a instituição atua na qualidade de investidor</t>
  </si>
  <si>
    <t>A instituição atua na qualidade de cedente</t>
  </si>
  <si>
    <t>A instituição atua na qualidade de patrocinador</t>
  </si>
  <si>
    <t>A instituição atua na qualidade de investidor</t>
  </si>
  <si>
    <t>Tradicional</t>
  </si>
  <si>
    <t>Sintética</t>
  </si>
  <si>
    <t>Subtotal</t>
  </si>
  <si>
    <t>STS</t>
  </si>
  <si>
    <t>Não STS</t>
  </si>
  <si>
    <t>do qual, SRT</t>
  </si>
  <si>
    <t>Total das exposições</t>
  </si>
  <si>
    <t>Retalho (total)</t>
  </si>
  <si>
    <t xml:space="preserve">   empréstimos hipotecários sobre imóveis de habitação</t>
  </si>
  <si>
    <t xml:space="preserve">   cartões de crédito</t>
  </si>
  <si>
    <t xml:space="preserve">   outras exposições de retalho </t>
  </si>
  <si>
    <t xml:space="preserve">   retitularização</t>
  </si>
  <si>
    <t>Por grosso (total)</t>
  </si>
  <si>
    <t xml:space="preserve">   empréstimos a empresas</t>
  </si>
  <si>
    <t xml:space="preserve">   empréstimos hipotecários sobre imóveis comerciais </t>
  </si>
  <si>
    <t xml:space="preserve">   locações e contas a receber</t>
  </si>
  <si>
    <t xml:space="preserve">   por grosso, outros</t>
  </si>
  <si>
    <t>Valores de exposição (por escalões de ponderação de risco (RW)/deduções)</t>
  </si>
  <si>
    <t>Valores de exposição (por abordagem regulamentar)</t>
  </si>
  <si>
    <t>Montante de exposição ponderado pelo risco (RWEA)
 (por abordagem regulamentar)</t>
  </si>
  <si>
    <t>Requisito de fundos próprios após aplicação do limite máximo</t>
  </si>
  <si>
    <t>RW ≤ 20 %</t>
  </si>
  <si>
    <t xml:space="preserve"> RW &gt; 20 % e até 50 %</t>
  </si>
  <si>
    <t xml:space="preserve"> RW &gt; 50 % e até 100 %</t>
  </si>
  <si>
    <t xml:space="preserve"> RW &gt; 100 % e até 1250 %</t>
  </si>
  <si>
    <t>RW 1250 %/deduções</t>
  </si>
  <si>
    <t>SEC-IRBA</t>
  </si>
  <si>
    <t>SEC-ERBA
(incluindo IAA)</t>
  </si>
  <si>
    <t>SEC-SA</t>
  </si>
  <si>
    <t>RW 1250 %/ deduções</t>
  </si>
  <si>
    <t>RW 1250 %
deduções</t>
  </si>
  <si>
    <t xml:space="preserve">Operações tradicionais </t>
  </si>
  <si>
    <t xml:space="preserve">   Titularização</t>
  </si>
  <si>
    <t xml:space="preserve">       Retalho</t>
  </si>
  <si>
    <t xml:space="preserve">       do qual, STS</t>
  </si>
  <si>
    <t xml:space="preserve">       Por grosso</t>
  </si>
  <si>
    <t xml:space="preserve">   Retitularização</t>
  </si>
  <si>
    <t xml:space="preserve">Operações sintéticas </t>
  </si>
  <si>
    <t xml:space="preserve">       Subjacente de retalho</t>
  </si>
  <si>
    <t>Montante de exposição ponderado pelo risco (RWEA) 
(por abordagem regulamentar)</t>
  </si>
  <si>
    <t>RW  1250 %/deduções</t>
  </si>
  <si>
    <t xml:space="preserve">Titularização tradicional </t>
  </si>
  <si>
    <t xml:space="preserve">Titularização sintética </t>
  </si>
  <si>
    <t>Rácios de Fundos próprios (em percentagem do montante da exposição ponderada pelo risco)</t>
  </si>
  <si>
    <t>(Ajustamento para isenção temporária das exposições sobre bancos centrais (se aplicável))</t>
  </si>
  <si>
    <t>Ajustamento para instrumentos financeiros derivados</t>
  </si>
  <si>
    <t>(Componente CCP isenta das exposições em que uma instituição procede em nome de um cliente à compensação através de uma CCP) (método do risco inicial)</t>
  </si>
  <si>
    <t>(Provisões gerais deduzidas na determinação dos fundos próprios de nível 1 e provisões específicas associadas às exposições extrapatrimoniais)</t>
  </si>
  <si>
    <t>Rácio de alavancagem (excluindo o impacto de qualquer isenção temporária aplicável às reservas junto de bancos centrais) (%)</t>
  </si>
  <si>
    <t>EU-27b</t>
  </si>
  <si>
    <t>Medida de exposição total (incluindo o impacto de qualquer isenção temporária aplicável das reservas junto de bancos centrais) que incorpora valores médios da linha 28 dos ativos SFT em termos brutos (após ajustamento para operações contabilísticas de venda e líquidos dos montantes das contas a pagar e a receber em numerário associadas)</t>
  </si>
  <si>
    <t>Medida de exposição total (excluindo o impacto de qualquer isenção temporária aplicável das reservas junto de bancos centrais) que incorpora valores médios da linha 28 dos ativos SFT em termos brutos (após ajustamento para operações contabilísticas de venda e líquidos dos montantes das contas a pagar e a receber em numerário associadas)</t>
  </si>
  <si>
    <t>Operações de financiamento através de valores mobiliários com clientes financeiros caucionadas por HQLA de nível 1, produtivas, sujeitas a uma margem de avaliação (haircut) de 0 %</t>
  </si>
  <si>
    <t>Operações de financiamento através de valores mobiliários com clientes financeiros caucionadas por outros ativos, produtivas, e empréstimos e adiantamentos a instituições financeiras, produtivos</t>
  </si>
  <si>
    <t>Empréstimos a clientes empresariais não financeiros, produtivos, empréstimos a clientes de retalho e pequenas empresas, produtivos, e empréstimos a entidades soberanas e entidades do setor público, produtivos, do qual:</t>
  </si>
  <si>
    <t xml:space="preserve"> Proteção pessoal de crédito (UFCP)</t>
  </si>
  <si>
    <t>Rácios de capital e resumo dos seus principais componentes</t>
  </si>
  <si>
    <t xml:space="preserve">    Fully implemented</t>
  </si>
  <si>
    <t xml:space="preserve">  Phased-in</t>
  </si>
  <si>
    <t>FUNDOS PRÓPRIOS</t>
  </si>
  <si>
    <t>Fundos próprios de nível 1 (tier 1)</t>
  </si>
  <si>
    <t>dos quais: Fundos próprios principais de nível 1 (CET1)</t>
  </si>
  <si>
    <t>Fundos próprios de nível 2 (tier 2)</t>
  </si>
  <si>
    <t>Fundos próprios totais</t>
  </si>
  <si>
    <t>Risco de crédito e risco de crédito de contraparte</t>
  </si>
  <si>
    <t>Risco de mercado</t>
  </si>
  <si>
    <t>Credit Valuation Adjustments (CVA)</t>
  </si>
  <si>
    <t>RÁCIOS DE CAPITAL</t>
  </si>
  <si>
    <t>Rácio common equity tier 1</t>
  </si>
  <si>
    <t>Rácio tier 1</t>
  </si>
  <si>
    <t>Rácio total</t>
  </si>
  <si>
    <t>Capital</t>
  </si>
  <si>
    <t>Outros ajustamentos regulamentares</t>
  </si>
  <si>
    <t>Passivos subordinados</t>
  </si>
  <si>
    <t>Outros Ajustamentos</t>
  </si>
  <si>
    <t>Milhares de euros</t>
  </si>
  <si>
    <t>AO</t>
  </si>
  <si>
    <t>BR</t>
  </si>
  <si>
    <t>CH</t>
  </si>
  <si>
    <t>DE</t>
  </si>
  <si>
    <t>ES</t>
  </si>
  <si>
    <t>FR</t>
  </si>
  <si>
    <t>GB</t>
  </si>
  <si>
    <t>HK</t>
  </si>
  <si>
    <t>KW</t>
  </si>
  <si>
    <t>LU</t>
  </si>
  <si>
    <t>MZ</t>
  </si>
  <si>
    <t>NL</t>
  </si>
  <si>
    <t>PL</t>
  </si>
  <si>
    <t>PT</t>
  </si>
  <si>
    <t>UA</t>
  </si>
  <si>
    <t>US</t>
  </si>
  <si>
    <t xml:space="preserve">RWEA sem efeitos de substituição
(apenas efeitos de redução)
</t>
  </si>
  <si>
    <t xml:space="preserve">RWEA com efeitos de substituição
(efeitos de redução e de substituição)
</t>
  </si>
  <si>
    <t xml:space="preserve"> 
Parte das exposições cobertas por cauções financeiras (% )</t>
  </si>
  <si>
    <t>Parte das exposições cobertas por outras cauções elegíveis (%)</t>
  </si>
  <si>
    <t>Parte das exposições cobertas por outras proteções reais de crédito (%)</t>
  </si>
  <si>
    <t xml:space="preserve">
Parte das exposições cobertas por garantias (% )</t>
  </si>
  <si>
    <t>Parte das exposições cobertas por derivados de crédito (% )</t>
  </si>
  <si>
    <t>Parte das exposições cobertas por cauções de bens imóveis (% )</t>
  </si>
  <si>
    <t>Parte das exposições cobertas por créditos a receber (% )</t>
  </si>
  <si>
    <t>Parte das exposições cobertas por outras cauções de bens físicos (%)</t>
  </si>
  <si>
    <t>Parte das exposições cobertas por depósitos em numerário (%)</t>
  </si>
  <si>
    <t>Parte das exposições cobertas por apólices de seguro de vida (%)</t>
  </si>
  <si>
    <t>Parte das exposições cobertas por instrumentos detidos por um terceiro (%)</t>
  </si>
  <si>
    <t>Transitional</t>
  </si>
  <si>
    <t>Ativos de derivados para efeitos do NSFR </t>
  </si>
  <si>
    <t>Interesses que não controlam</t>
  </si>
  <si>
    <t>Informação quantitativa</t>
  </si>
  <si>
    <t>EU 14f</t>
  </si>
  <si>
    <t>Requisitos de SREP (%)</t>
  </si>
  <si>
    <t>Requisitos totais (%)</t>
  </si>
  <si>
    <t>Requisitos de reserva para rácio de alavancagem</t>
  </si>
  <si>
    <t>Requisitos adicionais de AT1 para rácio de alavancagem (%)</t>
  </si>
  <si>
    <t xml:space="preserve">Requisitos adicionais de fundos próprios (CET1 rácio de alavancagem)(%) </t>
  </si>
  <si>
    <t>Requisitos adicionais de AT2 para rácio de alavancagem (%)</t>
  </si>
  <si>
    <t>Ativos por impostos diferidos decorrentes de diferenças temporárias (montante acima do limiar de 10 %, líquido do passivo por impostos correspondente, se estiverem preenchidas as condições previstas no artigo 38.º, n.º 3, do CRR) (valor negativo)</t>
  </si>
  <si>
    <t>Deduções dos AT1 elegíveis que excedem os AT1 da instituição (valor negativo)</t>
  </si>
  <si>
    <t>Deduções dos T2 elegíveis que excedem os T2 da instituição (valor negativo)</t>
  </si>
  <si>
    <t>EU-56a </t>
  </si>
  <si>
    <t xml:space="preserve">Detenções diretas e indiretas de fundos próprios e passivos elegíveis de entidades do setor financeiro nas quais a instituição não tem um investimento significativo (montante abaixo do limiar de 10 % e líquido de posições curtas elegíveis)   </t>
  </si>
  <si>
    <t>Ativos por impostos diferidos decorrentes de diferenças temporárias (montante abaixo do limiar de 17,65 %, líquido do passivo por impostos correspondente, se estiverem preenchidas as condições previstas no artigo 38.º, n.º 3, do CRR)</t>
  </si>
  <si>
    <t>Rácio de fundos próprios principais de nível 1 (%)</t>
  </si>
  <si>
    <t xml:space="preserve">Requisitos de fundos próprios adicionais para fazer face a outros riscos que não o risco de alavancagem excessiva (%) </t>
  </si>
  <si>
    <t>Requisitos de fundos próprios adicionais para fazer face ao risco de alavancagem excessiva (em percentagem da medida de exposição total)</t>
  </si>
  <si>
    <t>Alpha utilizado para calcular o valor de exposição regulamentar</t>
  </si>
  <si>
    <t xml:space="preserve">Valor total de exposição </t>
  </si>
  <si>
    <t xml:space="preserve">Do qual garantido por caução </t>
  </si>
  <si>
    <t>Do qual garantido por garantias financeiras</t>
  </si>
  <si>
    <t>Do qual garantido por derivados de crédito</t>
  </si>
  <si>
    <t>(Componente CCP isenta das exposições em que uma instituição procede em nome de um cliente à compensação através de uma CCP) (método-padrão simplificado)</t>
  </si>
  <si>
    <t>(Exposições sobre empréstimos de fomento sub-rogados por bancos (ou unidades) de desenvolvimento não públicos excluídas)</t>
  </si>
  <si>
    <t>Média dos valores diários dos ativos de SFT em termos brutos, após ajustamento para operações contabilísticas de venda e líquidos dos montantes das contas a pagar e a receber em numerário associadas</t>
  </si>
  <si>
    <t>-</t>
  </si>
  <si>
    <t xml:space="preserve">According to Art. 446 CRR: </t>
  </si>
  <si>
    <t>Institutions shall disclose the approaches for the assessment of own funds requirements for operational risk that the institution qualifies for</t>
  </si>
  <si>
    <t>a description of the methodology set out in Article 312(2), if used by the institution, including a discussion of relevant internal and external factors considered in the institution's measurement approach</t>
  </si>
  <si>
    <t>and in the case of partial use, the scope and coverage of the different methodologies used.</t>
  </si>
  <si>
    <t>Supervisory shock scenarios</t>
  </si>
  <si>
    <t>Movimento paralelo ascendente</t>
  </si>
  <si>
    <t>Movimento paralelo descendente</t>
  </si>
  <si>
    <t>Aumento da inclinação da curva</t>
  </si>
  <si>
    <t>Diminuição da inclinação da curva</t>
  </si>
  <si>
    <t>Taxas a curto prazo em alta</t>
  </si>
  <si>
    <t>Taxas a curto prazo em baixa</t>
  </si>
  <si>
    <t>Alterações do valor económico do capital próprio</t>
  </si>
  <si>
    <t>Alterações dos resultados líquidos de juros</t>
  </si>
  <si>
    <t>Quadro</t>
  </si>
  <si>
    <t>Nome</t>
  </si>
  <si>
    <t>EU CC1:Composição dos fundos próprios regulamentares</t>
  </si>
  <si>
    <t>EU CC2:Reconciliação dos fundos próprios regulamentares com o balanço nas demonstrações financeiras auditadas</t>
  </si>
  <si>
    <t>EU OV1:Síntese dos montantes totais das exposições ao risco</t>
  </si>
  <si>
    <t>EU CCyB1:Distribuição geográfica das exposições de crédito relevantes para o cálculo da reserva contracíclica de fundos próprios</t>
  </si>
  <si>
    <t>EU CCyB2:Montante da reserva contracíclica de fundos próprios específica da instituição</t>
  </si>
  <si>
    <t>EU CCR1:Análise da exposição ao CCR por método</t>
  </si>
  <si>
    <t>EU CCR2:Operações sujeitas a requisitos de fundos próprios para o risco de CVA</t>
  </si>
  <si>
    <t>EU CCR3:Método padrão – exposições ao CCR por ponderadores de risco e classes de exposição regulamentares</t>
  </si>
  <si>
    <t>EU CCR5:Composição das cauções para as exposições ao CCR</t>
  </si>
  <si>
    <t>EU CCR8:Exposições sobre CCP</t>
  </si>
  <si>
    <t>EU CR1:Exposições produtivas e não produtivas e provisões relacionadas</t>
  </si>
  <si>
    <t>EU CR2A:Variações do volume de empréstimos e adiantamentos não produtivos e recuperações acumuladas líquidas relacionadas</t>
  </si>
  <si>
    <t>EU CR3:Síntese das técnicas de CRM  Divulgação da utilização de técnicas de redução do risco de crédito</t>
  </si>
  <si>
    <t>EU CR4:Método padrão – Exposição ao risco de crédito e efeitos de redução do risco de crédito (CRM)</t>
  </si>
  <si>
    <t>EU CR5:Método padrão</t>
  </si>
  <si>
    <t>EU CR7:Método IRB – Efeito sobre os RWEA dos derivados de crédito utilizados como técnicas de CRM</t>
  </si>
  <si>
    <t>EU CR7-A:Método IRB — Divulgação da extensão da utilização de técnicas de CRM</t>
  </si>
  <si>
    <t xml:space="preserve">EU CR8:Declarações de fluxos de RWEA relativos a exposições ao risco de crédito de acordo com o método IRB </t>
  </si>
  <si>
    <t>EU CR10:Exposições de financiamento especializado e em títulos de capital de acordo com o método da ponderação do risco simples</t>
  </si>
  <si>
    <t>EU-SEC1:Exposições de titularização extra carteira de negociação</t>
  </si>
  <si>
    <t>EU-SEC3:Exposições de titularização extra carteira de negociação e requisitos de fundos próprios regulamentares associados — a instituição atua na qualidade de cedente ou patrocinador</t>
  </si>
  <si>
    <t>EU-SEC4:Exposições de titularização extra carteira de negociação e requisitos de fundos próprios regulamentares associados — a instituição atua na qualidade de investidor</t>
  </si>
  <si>
    <t>EU CQ1:Qualidade de crédito das exposições reestruturadas</t>
  </si>
  <si>
    <t>EU CQ5:Qualidade de crédito dos empréstimos e adiantamentos, por setor</t>
  </si>
  <si>
    <t xml:space="preserve">EU CQ7:Cauções obtidas por aquisição da posse e processos de execução </t>
  </si>
  <si>
    <t>EU CQ8:Cauções obtidas por aquisição da posse e processos de execução - discriminação por antiguidade</t>
  </si>
  <si>
    <t>EU LR1:Resumo da conciliação dos ativos contabilísticos e das exposições utilizadas para efeitos do rácio de alavancagem</t>
  </si>
  <si>
    <t>EU LR2:Divulgação comum do rácio de alavancagem</t>
  </si>
  <si>
    <t>EU LR3:Repartição das exposições patrimoniais (excluindo derivados, SFT e exposições isentas)</t>
  </si>
  <si>
    <t>EU LIQ1:Informação quantitativa sobre o rácio de cobertura de liquidez (LCR)</t>
  </si>
  <si>
    <t xml:space="preserve">EU LIQ2:Rácio de Financiamento Estável Líquido </t>
  </si>
  <si>
    <t>EU IRRBB1:Riscos de taxa de juro das atividades não incluídas na carteira de negociação</t>
  </si>
  <si>
    <t>Modelo EU LR1: Resumo da conciliação dos ativos contabilísticos e das exposições utilizadas para efeitos do rácio de alavancagem</t>
  </si>
  <si>
    <t>Modelo EU LR2:Divulgação comum do rácio de alavancagem</t>
  </si>
  <si>
    <t>Modelo EU LR3: Repartição das exposições patrimoniais 
(excluindo derivados, SFT e exposições isentas)</t>
  </si>
  <si>
    <t>42a</t>
  </si>
  <si>
    <t>56b</t>
  </si>
  <si>
    <t>020a</t>
  </si>
  <si>
    <t>Sub-Total</t>
  </si>
  <si>
    <r>
      <t xml:space="preserve">Rácio </t>
    </r>
    <r>
      <rPr>
        <i/>
        <sz val="10"/>
        <rFont val="Santander Text"/>
        <family val="2"/>
      </rPr>
      <t>Leverage</t>
    </r>
  </si>
  <si>
    <t>Ativos ponderados pelo risco (RWA)</t>
  </si>
  <si>
    <t>Rácio Total</t>
  </si>
  <si>
    <t>Capital Total</t>
  </si>
  <si>
    <t>Rácio Tier I</t>
  </si>
  <si>
    <t>Tier I</t>
  </si>
  <si>
    <r>
      <t xml:space="preserve">Rácio </t>
    </r>
    <r>
      <rPr>
        <i/>
        <sz val="10"/>
        <rFont val="Santander Text"/>
        <family val="2"/>
      </rPr>
      <t>Common Equity</t>
    </r>
    <r>
      <rPr>
        <sz val="10"/>
        <rFont val="Santander Text"/>
        <family val="2"/>
      </rPr>
      <t xml:space="preserve"> Tier I</t>
    </r>
  </si>
  <si>
    <r>
      <rPr>
        <i/>
        <sz val="10"/>
        <rFont val="Santander Text"/>
        <family val="2"/>
      </rPr>
      <t>CommonEquity</t>
    </r>
    <r>
      <rPr>
        <sz val="10"/>
        <rFont val="Santander Text"/>
        <family val="2"/>
      </rPr>
      <t xml:space="preserve"> Tier I</t>
    </r>
  </si>
  <si>
    <t>Rácio MREL-LRE</t>
  </si>
  <si>
    <t>Rácio MREL-RWA</t>
  </si>
  <si>
    <t>* Em conformidade com o Regulamento Delegado (UE) 2020/1818 da Comissão, que complementa o Regulamento (UE) 2016/1011 no que respeita às normas mínimas aplicáveis aos índices de referência da UE para a transição climática e aos índices de referência da UE alinhados com o Acordo de Paris – Regulamento Normas de Referência Climáticas – Considerando 6: Setores enumerados nas secções A a H e na secção L do anexo I do Regulamento (CE) n.º 1893/2006</t>
  </si>
  <si>
    <t>Exposições sobre outros setores (códigos J, M — U da NACE)</t>
  </si>
  <si>
    <t>K – Atividades financeiras e de seguros</t>
  </si>
  <si>
    <t>Exposições sobre setores distintos daqueles que contribuem fortemente para as alterações climáticas*</t>
  </si>
  <si>
    <t>L – Atividades imobiliárias</t>
  </si>
  <si>
    <t>I – Atividades de alojamento e restauração</t>
  </si>
  <si>
    <t>H.53 - Atividades postais e de correios</t>
  </si>
  <si>
    <t>H.52 - Armazenagem e atividades auxiliares dos transportes</t>
  </si>
  <si>
    <t>H.51 - Transportes aéreos</t>
  </si>
  <si>
    <t>H.50 - Transportes por vias navegáveis</t>
  </si>
  <si>
    <t>H.49 - Transportes terrestres e transportes por oleoduto ou gasoduto</t>
  </si>
  <si>
    <t>H – Transportes e armazenagem</t>
  </si>
  <si>
    <t>G – Comércio por grosso e a retalho, reparação de veículos automóveis e motociclos</t>
  </si>
  <si>
    <t>F.43 - Atividades especializadas de construção</t>
  </si>
  <si>
    <t>F.42 - Engenharia civil</t>
  </si>
  <si>
    <t>F.41 - Construção de edifícios</t>
  </si>
  <si>
    <t>F – Construção</t>
  </si>
  <si>
    <t>E – Abastecimento de água, saneamento, gestão de resíduos e despoluição</t>
  </si>
  <si>
    <t>D35.3 - Produção e distribuição de vapor e ar condicionado</t>
  </si>
  <si>
    <t>D35.2 - Produção de gás; distribuição de combustíveis gasosos por condutas</t>
  </si>
  <si>
    <t>D35.11 - Produção de eletricidade</t>
  </si>
  <si>
    <t>D35.1 - Produção, transporte e distribuição de energia elétrica</t>
  </si>
  <si>
    <t>D – Produção e distribuição de eletricidade, gás, vapor e ar condicionado</t>
  </si>
  <si>
    <t>C.33 - Reparação e instalação de máquinas e equipamento</t>
  </si>
  <si>
    <t>C.32 - Outras indústrias transformadoras</t>
  </si>
  <si>
    <t>C.31 - Indústria do mobiliário</t>
  </si>
  <si>
    <t>C.30 - Fabricação de outro equipamento de transporte</t>
  </si>
  <si>
    <t>C.29 - Fabricação de veículos automóveis, reboques e semirreboques</t>
  </si>
  <si>
    <t>C.28 - Fabricação de máquinas e equipamentos, não especificados</t>
  </si>
  <si>
    <t>C.27 - Fabricação de equipamento elétrico</t>
  </si>
  <si>
    <t>C.26 - Fabricação de produtos informáticos, eletrónicos e ópticos</t>
  </si>
  <si>
    <t>Do qual, emissões financiadas do âmbito 3</t>
  </si>
  <si>
    <t>Do qual, exposições não produtivas</t>
  </si>
  <si>
    <t>Do qual, exposições da fase 2</t>
  </si>
  <si>
    <t>Do qual, sustentáveis do ponto de vista ambiental (CCM)</t>
  </si>
  <si>
    <t>Do qual, exposições sobre empresas excluídas dos índices de referência da UE alinhados com o Acordo de Paris nos termos do artigo 12.º, n.º 1, alíneas d) a g), e do artigo 12.º, n.º 2, do Regulamento (UE) 2020/1818</t>
  </si>
  <si>
    <t>Prazo médio ponderado</t>
  </si>
  <si>
    <t>&gt; 20 anos</t>
  </si>
  <si>
    <t>&gt; 10 anos &lt;= 20 anos</t>
  </si>
  <si>
    <t>&gt; 5 anos &lt;= 10 anos</t>
  </si>
  <si>
    <t xml:space="preserve"> &lt;= 5 anos</t>
  </si>
  <si>
    <t>Emissões de GEE (coluna i)): percentagem do montante escriturado bruto da carteira obtido a partir da comunicação de informações específicas da empresa</t>
  </si>
  <si>
    <r>
      <t>Emissões financiadas por GEE (emissões do âmbito 1, âmbito 2 e do âmbito 3 da contraparte) (em toneladas de equivalente CO</t>
    </r>
    <r>
      <rPr>
        <b/>
        <vertAlign val="subscript"/>
        <sz val="10"/>
        <rFont val="Santander Text"/>
        <family val="2"/>
      </rPr>
      <t>2</t>
    </r>
    <r>
      <rPr>
        <b/>
        <sz val="10"/>
        <rFont val="Santander Text"/>
        <family val="2"/>
      </rPr>
      <t>)</t>
    </r>
  </si>
  <si>
    <t>Imparidade acumulada, variações negativas acumuladas do justo valor resultantes do risco de crédito e provisões (milhões de EUR)</t>
  </si>
  <si>
    <t>Montante escriturado bruto (milhões de EUR)</t>
  </si>
  <si>
    <t>Setor/Subsetor</t>
  </si>
  <si>
    <t>C.25 - Fabricação de produtos metálicos, exceto máquinas e equipamento</t>
  </si>
  <si>
    <t>C.24 - Indústrias metalúrgicas de base</t>
  </si>
  <si>
    <t>C.23 - Fabricação de outros produtos minerais não metálicos</t>
  </si>
  <si>
    <t>C.22 - Fabricação de artigos de borracha</t>
  </si>
  <si>
    <t>C.21 - Fabricação de produtos farmacêuticos de base e de preparações farmacêuticas</t>
  </si>
  <si>
    <t xml:space="preserve">C.20 - Fabricação de substâncias e de produtos químicos </t>
  </si>
  <si>
    <t>C.19 - Fabricação de coque e de produtos petrolíferos refinados</t>
  </si>
  <si>
    <t>C.18 - Impressão e reprodução de suportes gravados</t>
  </si>
  <si>
    <t>C.17 - Indústria do papel e artigos de papel</t>
  </si>
  <si>
    <t>C.16 - Indústrias da madeira e da cortiça e suas obras, exceto mobiliário; fabricação de obras de espartaria e de cestaria</t>
  </si>
  <si>
    <t>C.15 - Indústria do couro e dos produtos do couro</t>
  </si>
  <si>
    <t>C.14 - Indústria do vestuário</t>
  </si>
  <si>
    <t>C.13 - Indústria têxtil</t>
  </si>
  <si>
    <t>C.12 - Indústria do tabaco</t>
  </si>
  <si>
    <t>C.11 - Indústria das bebidas</t>
  </si>
  <si>
    <t>C.10 - Indústrias alimentares</t>
  </si>
  <si>
    <t>C – Indústrias transformadoras</t>
  </si>
  <si>
    <t xml:space="preserve">B.09 - Atividades de serviços de apoio às indústrias extractivas </t>
  </si>
  <si>
    <t xml:space="preserve">B.08 - Outras indústrias extrativas </t>
  </si>
  <si>
    <t xml:space="preserve">B.07 - Extração de minérios metálicos  </t>
  </si>
  <si>
    <t xml:space="preserve">B.06 - Extração de petróleo bruto e gás natural  </t>
  </si>
  <si>
    <t xml:space="preserve">B.05 - Extração de hulha e lenhite </t>
  </si>
  <si>
    <t>B – Indústrias extrativas</t>
  </si>
  <si>
    <t>A – Agricultura, silvicultura e pescas</t>
  </si>
  <si>
    <t>Exposições sobre setores que contribuem fortemente para as alterações climáticas*</t>
  </si>
  <si>
    <t>Milhões de euros</t>
  </si>
  <si>
    <t>Voltar ao Índice</t>
  </si>
  <si>
    <t>Modelo 1: Carteira bancária – Indicadores do potencial risco de transição associado às alterações climáticas: Qualidade de crédito das exposições por setor, emissões e prazo de vencimento residual.</t>
  </si>
  <si>
    <t>Do qual, nível de eficiência energética (pontuação energética, em kWh/m², dos imóveis dados em garantia) estimado</t>
  </si>
  <si>
    <t xml:space="preserve">Dos quais, bens dados em garantia obtidos por aquisição da posse: bens imóveis residenciais e comerciais </t>
  </si>
  <si>
    <t>Dos quais, empréstimos garantidos por imóveis residenciais</t>
  </si>
  <si>
    <t>Dos quais, empréstimos garantidos por imóveis comerciais</t>
  </si>
  <si>
    <t>Total fora da UE</t>
  </si>
  <si>
    <t>Total da UE</t>
  </si>
  <si>
    <t>G</t>
  </si>
  <si>
    <t>F</t>
  </si>
  <si>
    <t>E</t>
  </si>
  <si>
    <t>D</t>
  </si>
  <si>
    <t>C</t>
  </si>
  <si>
    <t>B</t>
  </si>
  <si>
    <t>A</t>
  </si>
  <si>
    <t>Superior a 500</t>
  </si>
  <si>
    <t>Entre 400 e 500 (inclusivé)</t>
  </si>
  <si>
    <t>Entre &gt; 300 e 400 (inclusivé)</t>
  </si>
  <si>
    <t>Entre &gt; 200 e 300 (inclusivé)</t>
  </si>
  <si>
    <t>Entre &gt; 100 e 200 (inclusivé)</t>
  </si>
  <si>
    <t>Entre 0 e 100 (inclusivé)</t>
  </si>
  <si>
    <t>Sem rótulo CDE dos imóveis dados em garantia</t>
  </si>
  <si>
    <t>Nível de eficiência energética (rótulo CDE dos imóveis dados em garantia)</t>
  </si>
  <si>
    <t>Nível de eficiência energética (pontuação energética, em kWh/m², dos imóveis dados em garantia)</t>
  </si>
  <si>
    <t>Total do montante escriturado bruto total (milhões de EUR)</t>
  </si>
  <si>
    <t>Setor da contraparte</t>
  </si>
  <si>
    <t>Modelo 2: Carteira bancária – Indicadores do potencial risco de transição associado às alterações climáticas: Empréstimos garantidos por bens imóveis – Eficiência energética dos imóveis dados em garantia</t>
  </si>
  <si>
    <t xml:space="preserve">*Para as contrapartes que se contam entre as 20 empresas com maiores emissões de carbono do mundo
</t>
  </si>
  <si>
    <t>Número das 20 empresas mais poluentes incluídas</t>
  </si>
  <si>
    <t>Prazo de vencimento médio ponderado</t>
  </si>
  <si>
    <t>Dos quais, sustentáveis do ponto de vista ambiental (CCM)</t>
  </si>
  <si>
    <t>Montante escriturado bruto relativo às contrapartes em comparação com o total do montante escriturado bruto (agregado)*</t>
  </si>
  <si>
    <t>Montante escriturado bruto (agregado)</t>
  </si>
  <si>
    <t>Modelo 4: Carteira bancária – Indicadores do potencial risco de transição associado às alterações climáticas: Exposições às 20 empresas com utilização mais intensiva de carbono</t>
  </si>
  <si>
    <t>Bens dados em garantia recuperados</t>
  </si>
  <si>
    <t>Empréstimos garantidos por imóveis comerciais</t>
  </si>
  <si>
    <t>Empréstimos garantidos por imóveis de habitação</t>
  </si>
  <si>
    <t>Imparidade acumulada, variações negativas acumuladas do justo valor resultantes do risco de crédito e provisões</t>
  </si>
  <si>
    <t>Do qual, exposições sensíveis ao impacto de fenómenos tanto crónicos como severos relacionados com as alterações climáticas</t>
  </si>
  <si>
    <t>Do qual, exposições sensíveis ao impacto de fenómenos severos relacionados com as alterações climáticas</t>
  </si>
  <si>
    <t>Do qual, exposições sensíveis ao impacto de fenómenos crónicos relacionados com as alterações climáticas</t>
  </si>
  <si>
    <t>Desagregação por escalão do prazo de vencimento</t>
  </si>
  <si>
    <t>Do qual, exposições sensíveis ao impacto de fenómenos físicos relacionados com as alterações climáticas</t>
  </si>
  <si>
    <t>Variável Zona geográfica sujeita a riscos físicos relacionados com as alterações climáticas – fenómenos severos e crónicos</t>
  </si>
  <si>
    <t xml:space="preserve">o </t>
  </si>
  <si>
    <t>Modelo 5: Carteira bancária – Indicadores de potencial risco físico associado às alterações climáticas: Exposições sujeitas a risco físico</t>
  </si>
  <si>
    <t>Fundos próprios e passivos elegíveis</t>
  </si>
  <si>
    <t>Valores em milhares de euros, exceto quando indicado de outra forma</t>
  </si>
  <si>
    <t>Rácio LCR</t>
  </si>
  <si>
    <t>Rácio NSFR</t>
  </si>
  <si>
    <t>Rácio NPE (EBA)</t>
  </si>
  <si>
    <t>Rácio NPL (EBA)</t>
  </si>
  <si>
    <t>phasing-in</t>
  </si>
  <si>
    <t>fully loaded</t>
  </si>
  <si>
    <t>Quadro 1 - Indicadores de Risco</t>
  </si>
  <si>
    <t>Rácio de Financiamento Estável Líquido (NSFR)</t>
  </si>
  <si>
    <t>Rácio de Cobertura de Liquidez</t>
  </si>
  <si>
    <t>Jun/23</t>
  </si>
  <si>
    <t>Jun/24</t>
  </si>
  <si>
    <t>Nota:</t>
  </si>
  <si>
    <t>Divulgação semestral informação com relevância prudencial (Pilar 3)</t>
  </si>
  <si>
    <t>Variação</t>
  </si>
  <si>
    <t>Outros Instrumentos de capital</t>
  </si>
  <si>
    <t>Reservas de Revaliação</t>
  </si>
  <si>
    <t>Outras reservas e resultados transitados</t>
  </si>
  <si>
    <t>(Ações Próprias)</t>
  </si>
  <si>
    <t>Resultado do exercício do Grupo</t>
  </si>
  <si>
    <t>Resultado do exercício de Interesses que não controlam</t>
  </si>
  <si>
    <t>Dividendos antecipados</t>
  </si>
  <si>
    <t>Total de Capital Contabilistico</t>
  </si>
  <si>
    <t>Ativos intangiveis</t>
  </si>
  <si>
    <t>Outros Instrumentos de capital não elegíveis</t>
  </si>
  <si>
    <t>Resultado não incorporado</t>
  </si>
  <si>
    <t>Interesses que não controlam não elegíveis</t>
  </si>
  <si>
    <t>Reposição de dividendos antecipados</t>
  </si>
  <si>
    <t>Ajustamento às reservas de revaliação</t>
  </si>
  <si>
    <t>Ajustamento às ações preferenciais</t>
  </si>
  <si>
    <t>Fundos Próprios Principais de Nível 1 (CET1)</t>
  </si>
  <si>
    <t>Reposição de outros instrumentos de capital</t>
  </si>
  <si>
    <t>Dividendos sobre outros instrumentos de capital</t>
  </si>
  <si>
    <t>Interesses que não controlam não elegíveis em Tier 1</t>
  </si>
  <si>
    <t>Reposições das açoes preferenciais</t>
  </si>
  <si>
    <t>Ajustamentos transferidos de Tier 2</t>
  </si>
  <si>
    <t xml:space="preserve">Outros Ajustamentos </t>
  </si>
  <si>
    <t>Fundos Próprios de Nível 1 (Tier 1)</t>
  </si>
  <si>
    <t>Interesses que não controlam elegíveis em Tier 2</t>
  </si>
  <si>
    <t>Ações Preferenciais em Tier 2</t>
  </si>
  <si>
    <t>Ajustamentos para o risco de crédito</t>
  </si>
  <si>
    <t>Ajustamentos com impacto em Tier 2, incluindo filtros nacionais</t>
  </si>
  <si>
    <t>Ajustamentos que são transferidos para Tier 1 por insuficiência de instrumentos Tier 2</t>
  </si>
  <si>
    <t>Fundos Próprios de Nível 2 (Tier 2)</t>
  </si>
  <si>
    <t>Fundos Próprios Totais</t>
  </si>
  <si>
    <t>Instrumentos de capital próprio</t>
  </si>
  <si>
    <t>Modelo 1: Carteira bancária – Indicadores do potencial risco de transição associado às alterações climáticas: Qualidade de crédito das exposições por setor, emissões e prazo de vencimento residual</t>
  </si>
  <si>
    <t>EU KM1: Modelo para os indicadores de base</t>
  </si>
  <si>
    <t>S</t>
  </si>
  <si>
    <t xml:space="preserve">EU ILAC - Capacidade interna de absorção de perdas: MREL interno e, se aplicável, requisito de fundos próprios e passivos elegíveis para G-SII extra-EU </t>
  </si>
  <si>
    <t>Montante total dos passivos excluídos a que se refere o artigo 72.o -A, n.o 2, do Regulamento (UE) n.o 575/2013</t>
  </si>
  <si>
    <t>EU-22</t>
  </si>
  <si>
    <t>Elementos para memória</t>
  </si>
  <si>
    <t>do qual, parte do requisito que pode ser satisfeita com uma garantia</t>
  </si>
  <si>
    <t>Requisito expresso em percentagem da TEM</t>
  </si>
  <si>
    <t>EU-20</t>
  </si>
  <si>
    <t>EU-19</t>
  </si>
  <si>
    <t>Requisito expresso em percentagem do TREA</t>
  </si>
  <si>
    <t>EU-18</t>
  </si>
  <si>
    <t>Requisitos</t>
  </si>
  <si>
    <t>Requisito combinado de reserva de fundos próprios específico da instituição</t>
  </si>
  <si>
    <t>EU-17</t>
  </si>
  <si>
    <t>CET1 (em percentagem do TREA) disponíveis após o cumprimento dos requisitos da entidade</t>
  </si>
  <si>
    <t>EU-16</t>
  </si>
  <si>
    <t>do qual, garantias permitidas</t>
  </si>
  <si>
    <t>EU-15</t>
  </si>
  <si>
    <t>Fundos próprios e passivos elegíveis em percentagem da TEM</t>
  </si>
  <si>
    <t>EU-14</t>
  </si>
  <si>
    <t>EU-13</t>
  </si>
  <si>
    <t>Fundos próprios e passivos elegíveis em percentagem do TREA</t>
  </si>
  <si>
    <t>Rácio de fundos próprios e passivos elegíveis</t>
  </si>
  <si>
    <t>Medida de exposição total (TEM)</t>
  </si>
  <si>
    <t>Montante total da exposição ao risco (TREA)</t>
  </si>
  <si>
    <t>Montante total da exposição ao risco e medida de exposição total</t>
  </si>
  <si>
    <t xml:space="preserve"> </t>
  </si>
  <si>
    <t>Fundos próprios e elementos de passivos elegíveis após ajustamentos</t>
  </si>
  <si>
    <t>(Ajustamentos)</t>
  </si>
  <si>
    <t>Passivos elegíveis</t>
  </si>
  <si>
    <t>Fundos próprios elegíveis</t>
  </si>
  <si>
    <t>Fundos próprios de nível 2 elegíveis</t>
  </si>
  <si>
    <t>Fundos próprios adicionais de nível 1 elegíveis</t>
  </si>
  <si>
    <t>Fundos próprios principais de nível 1 (CET1)</t>
  </si>
  <si>
    <t>I</t>
  </si>
  <si>
    <t>Se a resposta a EU-2a é «Sim», o requisito é aplicável em base consolidada ou individual? (C/I)</t>
  </si>
  <si>
    <t>EU-2b</t>
  </si>
  <si>
    <t>A entidade está sujeita a um MREL interno? (S/N)</t>
  </si>
  <si>
    <t>EU-2a</t>
  </si>
  <si>
    <t>Se a resposta a EU-1 é «Sim», o requisito é aplicável em base consolidada ou individual? (C/I)</t>
  </si>
  <si>
    <t>N</t>
  </si>
  <si>
    <t>A entidade está sujeita a um requisito de fundos próprios e passivos elegíveis para G-SII extra-UE? (S/N)</t>
  </si>
  <si>
    <t>Requisito aplicável e nível de aplicação</t>
  </si>
  <si>
    <t>Informações qualitativas</t>
  </si>
  <si>
    <t>Requisito mínimo de fundos próprios e passivos elegíveis (MREL interno)</t>
  </si>
  <si>
    <t>I - Accommodation and food service activities</t>
  </si>
  <si>
    <t>K - Financial and insurance activities</t>
  </si>
  <si>
    <t>Exposures to other sectors (NACE codes J, M - U)</t>
  </si>
  <si>
    <t>Banco Santander Totta Consolidado</t>
  </si>
  <si>
    <t>EU ILAC - Capacidade interna de absorção de perdas: MREL interno e, se aplicável, requisito de fundos próprios e passivos elegíveis para G-SII extra-EU - Banco Totta Consolidado</t>
  </si>
  <si>
    <t>Outros ativos</t>
  </si>
  <si>
    <t>do qual: emitido por empresas não-financeiras</t>
  </si>
  <si>
    <t>do qual: emitido por empresas financeiras</t>
  </si>
  <si>
    <t>do qual: emitido por administrações públicas</t>
  </si>
  <si>
    <t>do qual: titularizações</t>
  </si>
  <si>
    <t>do qual: obrigações cobertas</t>
  </si>
  <si>
    <t>Ativos da instituição que divulga as informações</t>
  </si>
  <si>
    <t>do qual, EHQLA e HQLA</t>
  </si>
  <si>
    <t>do qual, EHQLA e HQLA nocionalmente elegíveis</t>
  </si>
  <si>
    <t>Justo valor dos ativos não onerados</t>
  </si>
  <si>
    <t>Montante escriturado dos ativos não onerados</t>
  </si>
  <si>
    <t>Justo valor dos ativos onerados</t>
  </si>
  <si>
    <t>Montante escriturado dos ativos onerados</t>
  </si>
  <si>
    <t xml:space="preserve">TOTAL DE CAUÇÕES RECEBIDAS E VALORES MOBILIÁRIOS REPRESENTATIVOS DE DÍVIDA PRÓPRIOS EMITIDOS </t>
  </si>
  <si>
    <t xml:space="preserve"> Obrigações cobertas próprias e titularizações emitidas e ainda não dadas em garantia</t>
  </si>
  <si>
    <t>Valores mobiliários representativos de dívida próprios emitidos com exceção de obrigações cobertas ou titularizações</t>
  </si>
  <si>
    <t>240</t>
  </si>
  <si>
    <t>Outras cauções recebidas</t>
  </si>
  <si>
    <t>230</t>
  </si>
  <si>
    <t>Empréstimos e adiantamentos com exceção dos empréstimos à vista</t>
  </si>
  <si>
    <t>Empréstimos à vista</t>
  </si>
  <si>
    <t>Cauções recebidas pela instituição que divulga as informações</t>
  </si>
  <si>
    <t>Justo valor das cauções recebidas ou dos valores mobiliários representativos de dívida próprios emitidos disponíveis para oneração</t>
  </si>
  <si>
    <t>Não onerado</t>
  </si>
  <si>
    <t>Justo valor das cauções oneradas recebidas ou dos valores mobiliários representativos de dívida próprios emitidos</t>
  </si>
  <si>
    <t>Montante escriturado de alguns passivos financeiros específicos</t>
  </si>
  <si>
    <t>Ativos, cauções recebidas e valores mobiliários representativos de dívida próprios emitidos, com exceção de obrigações cobertas e titularizações, onerados</t>
  </si>
  <si>
    <t>Passivos de contrapartida, passivos contingentes ou valores mobiliários emprestados</t>
  </si>
  <si>
    <t>Modelo EU AE1: Ativos onerados e não onerados</t>
  </si>
  <si>
    <t>Modelo EU AE2: Cauções recebidas e valores mobiliários representativos de dívida próprios emitidos</t>
  </si>
  <si>
    <t>Modelo EU AE3: Fontes de oneração</t>
  </si>
  <si>
    <t>Jun/25</t>
  </si>
  <si>
    <t>Modelo EU IRRBB1: Riscos de taxa de juro das atividades não incluídas na carteira de negociação</t>
  </si>
  <si>
    <t>Modelo EU LIQ1: Informação quantitativa sobre o rácio de cobertura de liquidez (LCR)</t>
  </si>
  <si>
    <t>30 jun 2025</t>
  </si>
  <si>
    <t>T
(30/06/2025)</t>
  </si>
  <si>
    <t>T-1 
(31/03/2025)</t>
  </si>
  <si>
    <t>T-2
(31/12/2024)</t>
  </si>
  <si>
    <t>T-3
(30/09/2024)</t>
  </si>
  <si>
    <t>Jun 25</t>
  </si>
  <si>
    <t>Dez 24</t>
  </si>
  <si>
    <t>Divulgação de Disciplina de Mercado Junho 2025</t>
  </si>
  <si>
    <t>Dívida Subordinada e Títulos de Capital</t>
  </si>
  <si>
    <t>x</t>
  </si>
  <si>
    <t>y</t>
  </si>
  <si>
    <t>w</t>
  </si>
  <si>
    <t>v</t>
  </si>
  <si>
    <t>u</t>
  </si>
  <si>
    <t>t</t>
  </si>
  <si>
    <t>s</t>
  </si>
  <si>
    <t>r</t>
  </si>
  <si>
    <t>17 Exposures under F-IRB</t>
  </si>
  <si>
    <t>18 Exposures under A-IRB</t>
  </si>
  <si>
    <t>19 Total Exposures</t>
  </si>
  <si>
    <t>3a</t>
  </si>
  <si>
    <t>7a</t>
  </si>
  <si>
    <t>7b</t>
  </si>
  <si>
    <t>10a</t>
  </si>
  <si>
    <t>10b</t>
  </si>
  <si>
    <t>6.1</t>
  </si>
  <si>
    <t>9.1</t>
  </si>
  <si>
    <t>9.2</t>
  </si>
  <si>
    <t>9.3</t>
  </si>
  <si>
    <t>9.4</t>
  </si>
  <si>
    <t>9.5</t>
  </si>
  <si>
    <t>Autoridades Regionais ou locais</t>
  </si>
  <si>
    <t>Entidades do setor publico</t>
  </si>
  <si>
    <t>Organizacionais internacionais</t>
  </si>
  <si>
    <t>Dos quais: Crédito Especializado</t>
  </si>
  <si>
    <t>Exposições de dívida subordinada</t>
  </si>
  <si>
    <t>Titulos de Capital</t>
  </si>
  <si>
    <t>1a</t>
  </si>
  <si>
    <t>1b</t>
  </si>
  <si>
    <t>6c</t>
  </si>
  <si>
    <t>5a</t>
  </si>
  <si>
    <t>5c</t>
  </si>
  <si>
    <t>6a</t>
  </si>
  <si>
    <t>6b</t>
  </si>
  <si>
    <t>5b</t>
  </si>
  <si>
    <t>Administrações centrais e bancos centrais - F-IRB</t>
  </si>
  <si>
    <t>Autoridades Regionais ou locais - F-IRB</t>
  </si>
  <si>
    <t>Entidades do setor publico - F-IRB</t>
  </si>
  <si>
    <t>Administrações centrais e bancos centrais - A-IRB</t>
  </si>
  <si>
    <t>Autoridades Regionais ou locais - A-IRB</t>
  </si>
  <si>
    <t>Entidades do setor publico - A-IRB</t>
  </si>
  <si>
    <t>Instituições F-IRB</t>
  </si>
  <si>
    <t>Empresas - F-IRB</t>
  </si>
  <si>
    <t>Empresas - Geral</t>
  </si>
  <si>
    <t>Empresas - Crédito Especializado</t>
  </si>
  <si>
    <t>Empresas - A-IRB</t>
  </si>
  <si>
    <t>Empresas - Outros</t>
  </si>
  <si>
    <t>Componentes de requisitos de fundos próprios</t>
  </si>
  <si>
    <t>Agregação do componentes do risco de CVA sistémicas</t>
  </si>
  <si>
    <t>Agregação do componentes do risco de CVA idiossincráticas</t>
  </si>
  <si>
    <t>Autoridades Regionais e Entidades do Setor Público</t>
  </si>
  <si>
    <r>
      <rPr>
        <b/>
        <sz val="16"/>
        <color rgb="FFFF0000"/>
        <rFont val="Santander Text"/>
        <family val="2"/>
      </rPr>
      <t>Modelo EU CCR5 — Composição das cauções para as exposições ao CCR</t>
    </r>
  </si>
  <si>
    <t>30 Jun 2025</t>
  </si>
  <si>
    <t>31 Dec 2024</t>
  </si>
  <si>
    <t>Milhares em milhar de euros</t>
  </si>
  <si>
    <t>EU CR1-A: Prazo de vencimento das exposições</t>
  </si>
  <si>
    <t>Exposições a Instrumentos de Capital</t>
  </si>
  <si>
    <t>Garantidas por hipotecas sobre bens imóveis residenciais - não IPRE</t>
  </si>
  <si>
    <t>Garantidas por hipotecas sobre bens imóveis residenciais - IPRE</t>
  </si>
  <si>
    <t>Garantidas por hipotecas sobre bens imóveis comerciais - não IPRE</t>
  </si>
  <si>
    <t>Garantidas por hipotecas sobre bens imóveis comerciais - IPRE</t>
  </si>
  <si>
    <t>Aquisição, remodelação e construção (ADC)</t>
  </si>
  <si>
    <t>Créditos sobre instituições e empresas com uma avaliação de crédito de curto prazo</t>
  </si>
  <si>
    <t>Organismos de investimento coletivo (OIC)</t>
  </si>
  <si>
    <t>Outras rubricas</t>
  </si>
  <si>
    <t>Retalho – Renováveis elegíveis (QRRE)</t>
  </si>
  <si>
    <t xml:space="preserve"> Retalho - garantidos por imóveis residenciais</t>
  </si>
  <si>
    <t xml:space="preserve">Retalho – Montantes a receber adquiridos </t>
  </si>
  <si>
    <t xml:space="preserve">Retalho — Outras exposições de retalho </t>
  </si>
  <si>
    <t>A informação apresentada tem como data de referência o dia 30 de junho de 2025 e representam os dados submetidos ao Supervisor à data de 30 de setembro de 2025.</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43" formatCode="_-* #,##0.00_-;\-* #,##0.00_-;_-* &quot;-&quot;??_-;_-@_-"/>
    <numFmt numFmtId="164" formatCode="&quot;£&quot;#,##0;[Red]\-&quot;£&quot;#,##0"/>
    <numFmt numFmtId="165" formatCode="0.0%"/>
    <numFmt numFmtId="166" formatCode="_-* #,##0_-;\-* #,##0_-;_-* &quot;-&quot;??_-;_-@_-"/>
    <numFmt numFmtId="167" formatCode="0.000%"/>
    <numFmt numFmtId="168" formatCode="#,##0\ \ "/>
    <numFmt numFmtId="169" formatCode="0.0000%"/>
    <numFmt numFmtId="170" formatCode="#,##0.0000"/>
    <numFmt numFmtId="171" formatCode="[$-816]d\-mmm\-yy;@"/>
  </numFmts>
  <fonts count="89">
    <font>
      <sz val="11"/>
      <color theme="1"/>
      <name val="Calibri"/>
      <family val="2"/>
      <scheme val="minor"/>
    </font>
    <font>
      <sz val="10"/>
      <color theme="1"/>
      <name val="Santander Text"/>
      <family val="2"/>
    </font>
    <font>
      <sz val="10"/>
      <color theme="1"/>
      <name val="Santander Text"/>
      <family val="2"/>
    </font>
    <font>
      <sz val="10"/>
      <color theme="1"/>
      <name val="Santander Text"/>
      <family val="2"/>
    </font>
    <font>
      <sz val="10"/>
      <color theme="1"/>
      <name val="Santander Text"/>
      <family val="2"/>
    </font>
    <font>
      <sz val="10"/>
      <color theme="1"/>
      <name val="Santander Text"/>
      <family val="2"/>
    </font>
    <font>
      <sz val="11"/>
      <color theme="1"/>
      <name val="Trebuchet MS"/>
      <family val="2"/>
    </font>
    <font>
      <b/>
      <sz val="20"/>
      <name val="Arial"/>
      <family val="2"/>
    </font>
    <font>
      <sz val="10"/>
      <name val="Arial"/>
      <family val="2"/>
    </font>
    <font>
      <b/>
      <sz val="12"/>
      <name val="Arial"/>
      <family val="2"/>
    </font>
    <font>
      <u/>
      <sz val="11"/>
      <color theme="10"/>
      <name val="Calibri"/>
      <family val="2"/>
      <scheme val="minor"/>
    </font>
    <font>
      <sz val="11"/>
      <color theme="1"/>
      <name val="Calibri"/>
      <family val="2"/>
      <scheme val="minor"/>
    </font>
    <font>
      <sz val="11"/>
      <color theme="1"/>
      <name val="Calibri"/>
      <family val="2"/>
      <charset val="238"/>
      <scheme val="minor"/>
    </font>
    <font>
      <u/>
      <sz val="10"/>
      <color rgb="FFD1005D"/>
      <name val="FocoMbcp"/>
      <family val="2"/>
    </font>
    <font>
      <sz val="10"/>
      <color indexed="8"/>
      <name val="Helvetica Neue"/>
    </font>
    <font>
      <sz val="10"/>
      <name val="Arial Rounded MT Bold"/>
      <family val="2"/>
    </font>
    <font>
      <sz val="11"/>
      <color rgb="FF000000"/>
      <name val="Trebuchet MS"/>
      <family val="2"/>
    </font>
    <font>
      <u/>
      <sz val="10"/>
      <color theme="10"/>
      <name val="Arial"/>
      <family val="2"/>
    </font>
    <font>
      <b/>
      <sz val="10"/>
      <name val="Arial"/>
      <family val="2"/>
    </font>
    <font>
      <b/>
      <sz val="10"/>
      <color theme="0"/>
      <name val="Santander Text"/>
      <family val="2"/>
    </font>
    <font>
      <sz val="10"/>
      <color rgb="FFFF0000"/>
      <name val="Santander Text"/>
      <family val="2"/>
    </font>
    <font>
      <b/>
      <sz val="10"/>
      <color theme="1"/>
      <name val="Santander Text"/>
      <family val="2"/>
    </font>
    <font>
      <sz val="10"/>
      <name val="Santander Text"/>
      <family val="2"/>
    </font>
    <font>
      <i/>
      <sz val="10"/>
      <name val="Santander Text"/>
      <family val="2"/>
    </font>
    <font>
      <b/>
      <i/>
      <sz val="10"/>
      <name val="Santander Text"/>
      <family val="2"/>
    </font>
    <font>
      <b/>
      <sz val="14"/>
      <color rgb="FFFF0000"/>
      <name val="Santander Text"/>
      <family val="2"/>
    </font>
    <font>
      <sz val="11"/>
      <color theme="1"/>
      <name val="Santander Text"/>
      <family val="2"/>
    </font>
    <font>
      <b/>
      <sz val="10"/>
      <color rgb="FF575756"/>
      <name val="Santander Text"/>
      <family val="2"/>
    </font>
    <font>
      <sz val="10"/>
      <color rgb="FF575756"/>
      <name val="Santander Text"/>
      <family val="2"/>
    </font>
    <font>
      <sz val="8"/>
      <color theme="1"/>
      <name val="Santander Text"/>
      <family val="2"/>
    </font>
    <font>
      <b/>
      <sz val="12"/>
      <color rgb="FFFF0000"/>
      <name val="Santander Text"/>
      <family val="2"/>
    </font>
    <font>
      <b/>
      <sz val="10"/>
      <name val="Santander Text"/>
      <family val="2"/>
    </font>
    <font>
      <sz val="11"/>
      <name val="Santander Text"/>
      <family val="2"/>
    </font>
    <font>
      <b/>
      <sz val="10"/>
      <color rgb="FFFF0000"/>
      <name val="Santander Text"/>
      <family val="2"/>
    </font>
    <font>
      <strike/>
      <sz val="10"/>
      <name val="Santander Text"/>
      <family val="2"/>
    </font>
    <font>
      <b/>
      <vertAlign val="subscript"/>
      <sz val="10"/>
      <name val="Santander Text"/>
      <family val="2"/>
    </font>
    <font>
      <b/>
      <sz val="10"/>
      <color indexed="53"/>
      <name val="Santander Text"/>
      <family val="2"/>
    </font>
    <font>
      <sz val="8"/>
      <color rgb="FF575756"/>
      <name val="Santander Text"/>
      <family val="2"/>
    </font>
    <font>
      <sz val="8"/>
      <color rgb="FFFF0000"/>
      <name val="Santander Text"/>
      <family val="2"/>
    </font>
    <font>
      <sz val="8"/>
      <name val="Santander Text"/>
      <family val="2"/>
    </font>
    <font>
      <i/>
      <sz val="10"/>
      <color rgb="FF575756"/>
      <name val="Santander Text"/>
      <family val="2"/>
    </font>
    <font>
      <b/>
      <sz val="11"/>
      <color rgb="FF575756"/>
      <name val="Santander Text"/>
      <family val="2"/>
    </font>
    <font>
      <i/>
      <sz val="11"/>
      <color rgb="FF575756"/>
      <name val="Santander Text"/>
      <family val="2"/>
    </font>
    <font>
      <sz val="9"/>
      <color rgb="FF575756"/>
      <name val="Santander Text"/>
      <family val="2"/>
    </font>
    <font>
      <b/>
      <i/>
      <u/>
      <sz val="11"/>
      <color theme="1"/>
      <name val="Santander Text"/>
      <family val="2"/>
    </font>
    <font>
      <b/>
      <sz val="10"/>
      <color rgb="FFC00000"/>
      <name val="Santander Text"/>
      <family val="2"/>
    </font>
    <font>
      <sz val="10"/>
      <name val="Arial"/>
      <family val="2"/>
    </font>
    <font>
      <sz val="10"/>
      <color indexed="0"/>
      <name val="MS Sans Serif"/>
      <family val="2"/>
    </font>
    <font>
      <u/>
      <sz val="10"/>
      <color indexed="12"/>
      <name val="Arial"/>
      <family val="2"/>
    </font>
    <font>
      <b/>
      <sz val="10"/>
      <color theme="4"/>
      <name val="Santander Text"/>
      <family val="2"/>
    </font>
    <font>
      <b/>
      <strike/>
      <sz val="10"/>
      <color rgb="FFFF0000"/>
      <name val="Santander Text"/>
      <family val="2"/>
    </font>
    <font>
      <b/>
      <sz val="12"/>
      <color rgb="FF575756"/>
      <name val="Santander Text"/>
      <family val="2"/>
    </font>
    <font>
      <sz val="12"/>
      <color theme="1"/>
      <name val="Santander Text"/>
      <family val="2"/>
    </font>
    <font>
      <b/>
      <sz val="12"/>
      <color theme="0"/>
      <name val="Santander Text"/>
      <family val="2"/>
    </font>
    <font>
      <sz val="11"/>
      <color rgb="FF575756"/>
      <name val="Santander Text"/>
      <family val="2"/>
    </font>
    <font>
      <strike/>
      <sz val="9"/>
      <color rgb="FF575756"/>
      <name val="Santander Text"/>
      <family val="2"/>
    </font>
    <font>
      <b/>
      <sz val="9"/>
      <color rgb="FF575756"/>
      <name val="Santander Text"/>
      <family val="2"/>
    </font>
    <font>
      <b/>
      <sz val="12"/>
      <name val="Santander Text"/>
      <family val="2"/>
    </font>
    <font>
      <b/>
      <sz val="20"/>
      <name val="Santander Text"/>
      <family val="2"/>
    </font>
    <font>
      <sz val="9"/>
      <name val="Santander Text"/>
      <family val="2"/>
    </font>
    <font>
      <b/>
      <sz val="20"/>
      <color rgb="FF575756"/>
      <name val="Santander Text"/>
      <family val="2"/>
    </font>
    <font>
      <b/>
      <sz val="8"/>
      <name val="Santander Text"/>
      <family val="2"/>
    </font>
    <font>
      <b/>
      <sz val="11"/>
      <color theme="1"/>
      <name val="Santander Text"/>
      <family val="2"/>
    </font>
    <font>
      <sz val="11"/>
      <color rgb="FFFF0000"/>
      <name val="Santander Text"/>
      <family val="2"/>
    </font>
    <font>
      <sz val="11"/>
      <color rgb="FF0070C0"/>
      <name val="Santander Text"/>
      <family val="2"/>
    </font>
    <font>
      <sz val="12"/>
      <name val="Santander Text"/>
      <family val="2"/>
    </font>
    <font>
      <b/>
      <sz val="11"/>
      <name val="Santander Text"/>
      <family val="2"/>
    </font>
    <font>
      <u/>
      <sz val="8"/>
      <name val="Santander Text"/>
      <family val="2"/>
    </font>
    <font>
      <b/>
      <sz val="14"/>
      <color rgb="FFD1005D"/>
      <name val="Santander Text"/>
      <family val="2"/>
    </font>
    <font>
      <b/>
      <sz val="14"/>
      <name val="Santander Text"/>
      <family val="2"/>
    </font>
    <font>
      <b/>
      <sz val="8"/>
      <color rgb="FF575756"/>
      <name val="Santander Text"/>
      <family val="2"/>
    </font>
    <font>
      <b/>
      <sz val="9"/>
      <name val="Santander Text"/>
      <family val="2"/>
    </font>
    <font>
      <b/>
      <sz val="14"/>
      <color theme="1"/>
      <name val="Santander Text"/>
      <family val="2"/>
    </font>
    <font>
      <sz val="14"/>
      <color theme="1"/>
      <name val="Santander Text"/>
      <family val="2"/>
    </font>
    <font>
      <b/>
      <sz val="16"/>
      <color theme="1"/>
      <name val="Santander Text"/>
      <family val="2"/>
    </font>
    <font>
      <b/>
      <i/>
      <sz val="8"/>
      <name val="Santander Text"/>
      <family val="2"/>
    </font>
    <font>
      <sz val="16"/>
      <color theme="1"/>
      <name val="Santander Text"/>
      <family val="2"/>
    </font>
    <font>
      <sz val="8.5"/>
      <name val="Santander Text"/>
      <family val="2"/>
    </font>
    <font>
      <sz val="12"/>
      <color rgb="FF575756"/>
      <name val="Santander Text"/>
      <family val="2"/>
    </font>
    <font>
      <b/>
      <sz val="16"/>
      <color rgb="FFFF0000"/>
      <name val="Santander Text"/>
      <family val="2"/>
    </font>
    <font>
      <u/>
      <sz val="11"/>
      <name val="Santander Text"/>
      <family val="2"/>
    </font>
    <font>
      <sz val="9"/>
      <color theme="1"/>
      <name val="Santander Text"/>
      <family val="2"/>
    </font>
    <font>
      <b/>
      <strike/>
      <sz val="10"/>
      <name val="Santander Text"/>
      <family val="2"/>
    </font>
    <font>
      <sz val="10"/>
      <color indexed="9"/>
      <name val="Santander Text"/>
      <family val="2"/>
    </font>
    <font>
      <b/>
      <sz val="11"/>
      <color rgb="FFD1005D"/>
      <name val="Santander Text"/>
      <family val="2"/>
    </font>
    <font>
      <b/>
      <sz val="10"/>
      <color indexed="9"/>
      <name val="Santander Text"/>
      <family val="2"/>
    </font>
    <font>
      <b/>
      <sz val="22"/>
      <color rgb="FFFF0000"/>
      <name val="Santander Text"/>
      <family val="2"/>
    </font>
    <font>
      <b/>
      <sz val="10"/>
      <color rgb="FFD1005D"/>
      <name val="Santander Text"/>
      <family val="2"/>
    </font>
    <font>
      <b/>
      <sz val="10"/>
      <name val="Santander Texr"/>
    </font>
  </fonts>
  <fills count="12">
    <fill>
      <patternFill patternType="none"/>
    </fill>
    <fill>
      <patternFill patternType="gray125"/>
    </fill>
    <fill>
      <patternFill patternType="solid">
        <fgColor indexed="9"/>
        <bgColor indexed="64"/>
      </patternFill>
    </fill>
    <fill>
      <patternFill patternType="solid">
        <fgColor indexed="42"/>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rgb="FFFFFFFF"/>
        <bgColor indexed="64"/>
      </patternFill>
    </fill>
    <fill>
      <patternFill patternType="solid">
        <fgColor theme="0"/>
        <bgColor indexed="64"/>
      </patternFill>
    </fill>
    <fill>
      <patternFill patternType="solid">
        <fgColor rgb="FFBFBFBF"/>
        <bgColor indexed="64"/>
      </patternFill>
    </fill>
    <fill>
      <patternFill patternType="solid">
        <fgColor rgb="FFFF0000"/>
        <bgColor indexed="64"/>
      </patternFill>
    </fill>
    <fill>
      <patternFill patternType="solid">
        <fgColor theme="0" tint="-0.249977111117893"/>
        <bgColor indexed="64"/>
      </patternFill>
    </fill>
    <fill>
      <patternFill patternType="solid">
        <fgColor theme="2"/>
        <bgColor indexed="64"/>
      </patternFill>
    </fill>
  </fills>
  <borders count="77">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style="thin">
        <color indexed="64"/>
      </bottom>
      <diagonal/>
    </border>
    <border>
      <left/>
      <right/>
      <top/>
      <bottom style="thin">
        <color rgb="FFD1005D"/>
      </bottom>
      <diagonal/>
    </border>
    <border>
      <left/>
      <right/>
      <top style="thin">
        <color rgb="FFD1005D"/>
      </top>
      <bottom/>
      <diagonal/>
    </border>
    <border>
      <left/>
      <right/>
      <top/>
      <bottom style="thin">
        <color rgb="FFBFBFBF"/>
      </bottom>
      <diagonal/>
    </border>
    <border>
      <left/>
      <right/>
      <top style="thin">
        <color rgb="FFBFBFBF"/>
      </top>
      <bottom style="thin">
        <color rgb="FFBFBFBF"/>
      </bottom>
      <diagonal/>
    </border>
    <border>
      <left/>
      <right/>
      <top style="thin">
        <color rgb="FFBFBFBF"/>
      </top>
      <bottom/>
      <diagonal/>
    </border>
    <border>
      <left/>
      <right/>
      <top style="thin">
        <color rgb="FFD1005D"/>
      </top>
      <bottom style="medium">
        <color rgb="FFD1005D"/>
      </bottom>
      <diagonal/>
    </border>
    <border>
      <left/>
      <right/>
      <top style="thin">
        <color rgb="FFD1005D"/>
      </top>
      <bottom style="thin">
        <color rgb="FFD1005D"/>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diagonal/>
    </border>
    <border>
      <left/>
      <right/>
      <top style="thin">
        <color indexed="64"/>
      </top>
      <bottom/>
      <diagonal/>
    </border>
    <border>
      <left/>
      <right/>
      <top style="dotted">
        <color rgb="FFBFBFBF"/>
      </top>
      <bottom style="dotted">
        <color rgb="FFBFBFBF"/>
      </bottom>
      <diagonal/>
    </border>
    <border>
      <left/>
      <right/>
      <top style="thin">
        <color rgb="FFFF0000"/>
      </top>
      <bottom style="thin">
        <color rgb="FFFF0000"/>
      </bottom>
      <diagonal/>
    </border>
    <border>
      <left/>
      <right/>
      <top style="thin">
        <color rgb="FFFF0000"/>
      </top>
      <bottom style="dotted">
        <color theme="0" tint="-0.34998626667073579"/>
      </bottom>
      <diagonal/>
    </border>
    <border>
      <left/>
      <right/>
      <top style="dotted">
        <color theme="0" tint="-0.34998626667073579"/>
      </top>
      <bottom style="dotted">
        <color theme="0" tint="-0.34998626667073579"/>
      </bottom>
      <diagonal/>
    </border>
    <border>
      <left/>
      <right/>
      <top style="dotted">
        <color theme="0" tint="-0.34998626667073579"/>
      </top>
      <bottom style="thin">
        <color rgb="FFFF0000"/>
      </bottom>
      <diagonal/>
    </border>
    <border>
      <left/>
      <right/>
      <top style="thin">
        <color rgb="FFFF0000"/>
      </top>
      <bottom style="medium">
        <color rgb="FFFF0000"/>
      </bottom>
      <diagonal/>
    </border>
    <border>
      <left/>
      <right/>
      <top style="dotted">
        <color theme="0" tint="-0.34998626667073579"/>
      </top>
      <bottom style="medium">
        <color rgb="FFFF0000"/>
      </bottom>
      <diagonal/>
    </border>
    <border>
      <left/>
      <right/>
      <top style="thin">
        <color rgb="FFFF0000"/>
      </top>
      <bottom/>
      <diagonal/>
    </border>
    <border>
      <left/>
      <right/>
      <top style="dotted">
        <color theme="0" tint="-0.34998626667073579"/>
      </top>
      <bottom/>
      <diagonal/>
    </border>
    <border>
      <left/>
      <right/>
      <top style="medium">
        <color rgb="FFFF0000"/>
      </top>
      <bottom style="thin">
        <color rgb="FFFF0000"/>
      </bottom>
      <diagonal/>
    </border>
    <border>
      <left/>
      <right/>
      <top/>
      <bottom style="medium">
        <color rgb="FFFF0000"/>
      </bottom>
      <diagonal/>
    </border>
    <border>
      <left/>
      <right/>
      <top style="dotted">
        <color theme="0" tint="-0.24994659260841701"/>
      </top>
      <bottom style="dotted">
        <color theme="0" tint="-0.24994659260841701"/>
      </bottom>
      <diagonal/>
    </border>
    <border>
      <left/>
      <right/>
      <top style="dotted">
        <color theme="0" tint="-0.24994659260841701"/>
      </top>
      <bottom style="medium">
        <color rgb="FFFF0000"/>
      </bottom>
      <diagonal/>
    </border>
    <border>
      <left/>
      <right/>
      <top style="medium">
        <color rgb="FFFF0000"/>
      </top>
      <bottom style="medium">
        <color rgb="FFFF0000"/>
      </bottom>
      <diagonal/>
    </border>
    <border>
      <left/>
      <right/>
      <top style="thin">
        <color rgb="FFBFBFBF"/>
      </top>
      <bottom style="medium">
        <color rgb="FFFF0000"/>
      </bottom>
      <diagonal/>
    </border>
    <border>
      <left/>
      <right/>
      <top style="medium">
        <color rgb="FFFF0000"/>
      </top>
      <bottom style="dotted">
        <color theme="0" tint="-0.34998626667073579"/>
      </bottom>
      <diagonal/>
    </border>
    <border>
      <left/>
      <right/>
      <top/>
      <bottom style="thin">
        <color rgb="FFFF0000"/>
      </bottom>
      <diagonal/>
    </border>
    <border>
      <left style="thin">
        <color rgb="FFFF0000"/>
      </left>
      <right style="thin">
        <color rgb="FFFF0000"/>
      </right>
      <top style="thin">
        <color rgb="FFFF0000"/>
      </top>
      <bottom style="medium">
        <color rgb="FFFF0000"/>
      </bottom>
      <diagonal/>
    </border>
    <border>
      <left style="thin">
        <color rgb="FFFF0000"/>
      </left>
      <right style="thin">
        <color rgb="FFFF0000"/>
      </right>
      <top style="thin">
        <color rgb="FFFF0000"/>
      </top>
      <bottom style="thin">
        <color rgb="FFD1005D"/>
      </bottom>
      <diagonal/>
    </border>
    <border>
      <left style="thin">
        <color rgb="FFFF0000"/>
      </left>
      <right style="thin">
        <color rgb="FFFF0000"/>
      </right>
      <top style="thin">
        <color rgb="FFD1005D"/>
      </top>
      <bottom style="thin">
        <color rgb="FFD1005D"/>
      </bottom>
      <diagonal/>
    </border>
    <border>
      <left style="thin">
        <color rgb="FFFF0000"/>
      </left>
      <right style="thin">
        <color rgb="FFFF0000"/>
      </right>
      <top style="thin">
        <color rgb="FFD1005D"/>
      </top>
      <bottom/>
      <diagonal/>
    </border>
    <border>
      <left style="thin">
        <color rgb="FFFF0000"/>
      </left>
      <right style="thin">
        <color rgb="FFFF0000"/>
      </right>
      <top style="thin">
        <color rgb="FFD1005D"/>
      </top>
      <bottom style="medium">
        <color rgb="FFFF0000"/>
      </bottom>
      <diagonal/>
    </border>
    <border>
      <left style="thin">
        <color rgb="FFFF0000"/>
      </left>
      <right style="thin">
        <color rgb="FFFF0000"/>
      </right>
      <top/>
      <bottom style="medium">
        <color rgb="FFFF0000"/>
      </bottom>
      <diagonal/>
    </border>
    <border>
      <left/>
      <right/>
      <top style="thin">
        <color rgb="FFFF0000"/>
      </top>
      <bottom style="thin">
        <color rgb="FFBFBFBF"/>
      </bottom>
      <diagonal/>
    </border>
    <border>
      <left/>
      <right/>
      <top/>
      <bottom style="dotted">
        <color theme="0" tint="-0.34998626667073579"/>
      </bottom>
      <diagonal/>
    </border>
    <border>
      <left/>
      <right/>
      <top style="medium">
        <color rgb="FFFF0000"/>
      </top>
      <bottom style="dotted">
        <color theme="0" tint="-0.24994659260841701"/>
      </bottom>
      <diagonal/>
    </border>
    <border>
      <left/>
      <right/>
      <top style="medium">
        <color rgb="FFFF0000"/>
      </top>
      <bottom/>
      <diagonal/>
    </border>
    <border>
      <left/>
      <right/>
      <top style="medium">
        <color rgb="FFFF0000"/>
      </top>
      <bottom style="thin">
        <color rgb="FFBFBFBF"/>
      </bottom>
      <diagonal/>
    </border>
    <border>
      <left/>
      <right style="thin">
        <color rgb="FFFF0000"/>
      </right>
      <top style="thin">
        <color rgb="FFFF0000"/>
      </top>
      <bottom style="medium">
        <color rgb="FFFF0000"/>
      </bottom>
      <diagonal/>
    </border>
    <border>
      <left style="thin">
        <color rgb="FFFF0000"/>
      </left>
      <right/>
      <top style="thin">
        <color rgb="FFFF0000"/>
      </top>
      <bottom style="medium">
        <color rgb="FFFF0000"/>
      </bottom>
      <diagonal/>
    </border>
    <border>
      <left/>
      <right style="thin">
        <color rgb="FFFF0000"/>
      </right>
      <top style="thin">
        <color rgb="FFFF0000"/>
      </top>
      <bottom style="thin">
        <color rgb="FFFF0000"/>
      </bottom>
      <diagonal/>
    </border>
    <border>
      <left style="thin">
        <color rgb="FFFF0000"/>
      </left>
      <right style="thin">
        <color rgb="FFFF0000"/>
      </right>
      <top style="thin">
        <color rgb="FFFF0000"/>
      </top>
      <bottom style="thin">
        <color rgb="FFFF0000"/>
      </bottom>
      <diagonal/>
    </border>
    <border>
      <left style="thin">
        <color rgb="FFFF0000"/>
      </left>
      <right/>
      <top style="thin">
        <color rgb="FFFF0000"/>
      </top>
      <bottom style="thin">
        <color rgb="FFFF0000"/>
      </bottom>
      <diagonal/>
    </border>
    <border>
      <left style="thin">
        <color indexed="64"/>
      </left>
      <right/>
      <top style="thin">
        <color rgb="FFFF0000"/>
      </top>
      <bottom style="thin">
        <color rgb="FFFF0000"/>
      </bottom>
      <diagonal/>
    </border>
    <border>
      <left/>
      <right style="thin">
        <color indexed="64"/>
      </right>
      <top style="thin">
        <color rgb="FFFF0000"/>
      </top>
      <bottom style="thin">
        <color rgb="FFFF0000"/>
      </bottom>
      <diagonal/>
    </border>
    <border>
      <left style="thin">
        <color indexed="64"/>
      </left>
      <right style="thin">
        <color indexed="64"/>
      </right>
      <top style="thin">
        <color rgb="FFFF0000"/>
      </top>
      <bottom/>
      <diagonal/>
    </border>
    <border>
      <left style="thin">
        <color indexed="64"/>
      </left>
      <right style="thin">
        <color indexed="64"/>
      </right>
      <top/>
      <bottom style="thin">
        <color rgb="FFFF0000"/>
      </bottom>
      <diagonal/>
    </border>
    <border>
      <left style="thin">
        <color indexed="64"/>
      </left>
      <right/>
      <top style="medium">
        <color rgb="FFFF0000"/>
      </top>
      <bottom style="dotted">
        <color theme="0" tint="-0.34998626667073579"/>
      </bottom>
      <diagonal/>
    </border>
    <border>
      <left style="thin">
        <color indexed="64"/>
      </left>
      <right style="thin">
        <color indexed="64"/>
      </right>
      <top style="medium">
        <color rgb="FFFF0000"/>
      </top>
      <bottom style="dotted">
        <color theme="0" tint="-0.34998626667073579"/>
      </bottom>
      <diagonal/>
    </border>
    <border>
      <left style="thin">
        <color indexed="64"/>
      </left>
      <right/>
      <top style="dotted">
        <color theme="0" tint="-0.34998626667073579"/>
      </top>
      <bottom style="dotted">
        <color theme="0" tint="-0.34998626667073579"/>
      </bottom>
      <diagonal/>
    </border>
    <border>
      <left style="thin">
        <color indexed="64"/>
      </left>
      <right style="thin">
        <color indexed="64"/>
      </right>
      <top style="dotted">
        <color theme="0" tint="-0.34998626667073579"/>
      </top>
      <bottom style="dotted">
        <color theme="0" tint="-0.34998626667073579"/>
      </bottom>
      <diagonal/>
    </border>
    <border>
      <left style="thin">
        <color indexed="64"/>
      </left>
      <right/>
      <top style="dotted">
        <color theme="0" tint="-0.34998626667073579"/>
      </top>
      <bottom style="thin">
        <color rgb="FFFF0000"/>
      </bottom>
      <diagonal/>
    </border>
    <border>
      <left style="thin">
        <color indexed="64"/>
      </left>
      <right/>
      <top style="thin">
        <color rgb="FFFF0000"/>
      </top>
      <bottom style="medium">
        <color rgb="FFFF0000"/>
      </bottom>
      <diagonal/>
    </border>
    <border>
      <left style="thin">
        <color indexed="64"/>
      </left>
      <right style="thin">
        <color indexed="64"/>
      </right>
      <top style="thin">
        <color rgb="FFFF0000"/>
      </top>
      <bottom style="medium">
        <color rgb="FFFF0000"/>
      </bottom>
      <diagonal/>
    </border>
    <border>
      <left/>
      <right/>
      <top style="dotted">
        <color theme="0" tint="-0.499984740745262"/>
      </top>
      <bottom style="dotted">
        <color theme="0" tint="-0.499984740745262"/>
      </bottom>
      <diagonal/>
    </border>
    <border>
      <left/>
      <right/>
      <top style="thin">
        <color rgb="FFFF0000"/>
      </top>
      <bottom style="dotted">
        <color theme="0" tint="-0.499984740745262"/>
      </bottom>
      <diagonal/>
    </border>
    <border>
      <left/>
      <right/>
      <top style="dotted">
        <color theme="0" tint="-0.499984740745262"/>
      </top>
      <bottom/>
      <diagonal/>
    </border>
    <border>
      <left/>
      <right/>
      <top/>
      <bottom style="dotted">
        <color theme="0" tint="-0.499984740745262"/>
      </bottom>
      <diagonal/>
    </border>
    <border>
      <left style="thin">
        <color rgb="FFFF0000"/>
      </left>
      <right style="thin">
        <color rgb="FFFF0000"/>
      </right>
      <top/>
      <bottom style="thin">
        <color rgb="FFFF0000"/>
      </bottom>
      <diagonal/>
    </border>
    <border>
      <left style="thin">
        <color rgb="FFFF0000"/>
      </left>
      <right style="thin">
        <color rgb="FFFF0000"/>
      </right>
      <top style="medium">
        <color rgb="FFFF0000"/>
      </top>
      <bottom/>
      <diagonal/>
    </border>
    <border>
      <left/>
      <right style="thin">
        <color rgb="FFFF0000"/>
      </right>
      <top style="medium">
        <color rgb="FFFF0000"/>
      </top>
      <bottom/>
      <diagonal/>
    </border>
    <border>
      <left style="thin">
        <color rgb="FFFF0000"/>
      </left>
      <right/>
      <top style="medium">
        <color rgb="FFFF0000"/>
      </top>
      <bottom/>
      <diagonal/>
    </border>
    <border>
      <left/>
      <right/>
      <top style="dotted">
        <color theme="0" tint="-0.499984740745262"/>
      </top>
      <bottom style="medium">
        <color rgb="FFFF0000"/>
      </bottom>
      <diagonal/>
    </border>
    <border>
      <left/>
      <right/>
      <top style="medium">
        <color rgb="FFFF0000"/>
      </top>
      <bottom style="dotted">
        <color auto="1"/>
      </bottom>
      <diagonal/>
    </border>
    <border>
      <left/>
      <right/>
      <top style="dotted">
        <color auto="1"/>
      </top>
      <bottom style="dotted">
        <color auto="1"/>
      </bottom>
      <diagonal/>
    </border>
    <border>
      <left/>
      <right/>
      <top style="dotted">
        <color auto="1"/>
      </top>
      <bottom style="medium">
        <color rgb="FFFF0000"/>
      </bottom>
      <diagonal/>
    </border>
    <border>
      <left style="thin">
        <color rgb="FFFF0000"/>
      </left>
      <right/>
      <top style="thin">
        <color rgb="FFFF0000"/>
      </top>
      <bottom/>
      <diagonal/>
    </border>
    <border>
      <left/>
      <right style="thin">
        <color rgb="FFFF0000"/>
      </right>
      <top style="thin">
        <color rgb="FFFF0000"/>
      </top>
      <bottom/>
      <diagonal/>
    </border>
    <border>
      <left style="thin">
        <color rgb="FFFF0000"/>
      </left>
      <right style="thin">
        <color rgb="FFFF0000"/>
      </right>
      <top style="thin">
        <color rgb="FFFF0000"/>
      </top>
      <bottom/>
      <diagonal/>
    </border>
    <border>
      <left/>
      <right/>
      <top style="dotted">
        <color rgb="FFBFBFBF"/>
      </top>
      <bottom style="thin">
        <color rgb="FFFF0000"/>
      </bottom>
      <diagonal/>
    </border>
  </borders>
  <cellStyleXfs count="49">
    <xf numFmtId="0" fontId="0" fillId="0" borderId="0"/>
    <xf numFmtId="0" fontId="7" fillId="2" borderId="2" applyNumberFormat="0" applyFill="0" applyBorder="0" applyAlignment="0" applyProtection="0">
      <alignment horizontal="left"/>
    </xf>
    <xf numFmtId="0" fontId="8" fillId="0" borderId="0">
      <alignment vertical="center"/>
    </xf>
    <xf numFmtId="0" fontId="8" fillId="0" borderId="0">
      <alignment vertical="center"/>
    </xf>
    <xf numFmtId="0" fontId="9" fillId="0" borderId="0" applyNumberFormat="0" applyFill="0" applyBorder="0" applyAlignment="0" applyProtection="0"/>
    <xf numFmtId="3" fontId="8" fillId="3" borderId="1" applyFont="0">
      <alignment horizontal="right" vertical="center"/>
      <protection locked="0"/>
    </xf>
    <xf numFmtId="0" fontId="10" fillId="0" borderId="0" applyNumberFormat="0" applyFill="0" applyBorder="0" applyAlignment="0" applyProtection="0"/>
    <xf numFmtId="9" fontId="11" fillId="0" borderId="0" applyFont="0" applyFill="0" applyBorder="0" applyAlignment="0" applyProtection="0"/>
    <xf numFmtId="0" fontId="12" fillId="0" borderId="0"/>
    <xf numFmtId="0" fontId="8" fillId="0" borderId="0"/>
    <xf numFmtId="0" fontId="8" fillId="0" borderId="0"/>
    <xf numFmtId="0" fontId="11" fillId="0" borderId="0"/>
    <xf numFmtId="0" fontId="13" fillId="0" borderId="0" applyNumberFormat="0" applyFill="0" applyBorder="0" applyAlignment="0" applyProtection="0"/>
    <xf numFmtId="0" fontId="14" fillId="0" borderId="0" applyNumberFormat="0" applyFill="0" applyBorder="0" applyProtection="0">
      <alignment vertical="top" wrapText="1"/>
    </xf>
    <xf numFmtId="0" fontId="11" fillId="0" borderId="0"/>
    <xf numFmtId="0" fontId="8" fillId="0" borderId="0"/>
    <xf numFmtId="0" fontId="8" fillId="0" borderId="0"/>
    <xf numFmtId="9" fontId="6" fillId="0" borderId="0" applyFont="0" applyFill="0" applyBorder="0" applyAlignment="0" applyProtection="0"/>
    <xf numFmtId="9" fontId="8" fillId="0" borderId="0" applyFont="0" applyFill="0" applyBorder="0" applyAlignment="0" applyProtection="0"/>
    <xf numFmtId="9" fontId="8" fillId="0" borderId="0" applyFont="0" applyFill="0" applyBorder="0" applyAlignment="0" applyProtection="0"/>
    <xf numFmtId="0" fontId="15" fillId="0" borderId="0"/>
    <xf numFmtId="9" fontId="11" fillId="0" borderId="0" applyFont="0" applyFill="0" applyBorder="0" applyAlignment="0" applyProtection="0"/>
    <xf numFmtId="0" fontId="6" fillId="0" borderId="0"/>
    <xf numFmtId="0" fontId="6" fillId="0" borderId="0"/>
    <xf numFmtId="0" fontId="16" fillId="0" borderId="0"/>
    <xf numFmtId="0" fontId="15" fillId="0" borderId="0"/>
    <xf numFmtId="0" fontId="6" fillId="0" borderId="0"/>
    <xf numFmtId="0" fontId="17" fillId="0" borderId="0" applyNumberFormat="0" applyFill="0" applyBorder="0" applyAlignment="0" applyProtection="0"/>
    <xf numFmtId="9" fontId="6" fillId="0" borderId="0" applyFont="0" applyFill="0" applyBorder="0" applyAlignment="0" applyProtection="0"/>
    <xf numFmtId="0" fontId="18" fillId="2" borderId="3" applyFont="0" applyBorder="0">
      <alignment horizontal="center" wrapText="1"/>
    </xf>
    <xf numFmtId="43" fontId="11" fillId="0" borderId="0" applyFont="0" applyFill="0" applyBorder="0" applyAlignment="0" applyProtection="0"/>
    <xf numFmtId="0" fontId="8" fillId="0" borderId="0"/>
    <xf numFmtId="0" fontId="8" fillId="0" borderId="0"/>
    <xf numFmtId="9" fontId="5" fillId="0" borderId="0" applyFont="0" applyFill="0" applyBorder="0" applyAlignment="0" applyProtection="0"/>
    <xf numFmtId="9" fontId="8" fillId="0" borderId="0" applyFont="0" applyFill="0" applyBorder="0" applyAlignment="0" applyProtection="0"/>
    <xf numFmtId="0" fontId="8" fillId="0" borderId="0"/>
    <xf numFmtId="9" fontId="11" fillId="0" borderId="0" applyFont="0" applyFill="0" applyBorder="0" applyAlignment="0" applyProtection="0"/>
    <xf numFmtId="9" fontId="5" fillId="0" borderId="0" applyFont="0" applyFill="0" applyBorder="0" applyAlignment="0" applyProtection="0"/>
    <xf numFmtId="0" fontId="8" fillId="0" borderId="0"/>
    <xf numFmtId="9" fontId="8" fillId="0" borderId="0" applyFont="0" applyFill="0" applyBorder="0" applyAlignment="0" applyProtection="0"/>
    <xf numFmtId="0" fontId="8" fillId="0" borderId="0">
      <alignment vertical="top"/>
    </xf>
    <xf numFmtId="0" fontId="11" fillId="0" borderId="0"/>
    <xf numFmtId="0" fontId="46" fillId="0" borderId="0"/>
    <xf numFmtId="0" fontId="47" fillId="0" borderId="0" applyNumberFormat="0" applyFill="0" applyBorder="0" applyAlignment="0" applyProtection="0"/>
    <xf numFmtId="0" fontId="48" fillId="0" borderId="0" applyNumberFormat="0" applyFill="0" applyBorder="0" applyAlignment="0" applyProtection="0">
      <alignment vertical="top"/>
      <protection locked="0"/>
    </xf>
    <xf numFmtId="9" fontId="4" fillId="0" borderId="0" applyFont="0" applyFill="0" applyBorder="0" applyAlignment="0" applyProtection="0"/>
    <xf numFmtId="9" fontId="3" fillId="0" borderId="0" applyFont="0" applyFill="0" applyBorder="0" applyAlignment="0" applyProtection="0"/>
    <xf numFmtId="0" fontId="8" fillId="0" borderId="0"/>
    <xf numFmtId="0" fontId="8" fillId="0" borderId="0">
      <alignment vertical="center"/>
    </xf>
  </cellStyleXfs>
  <cellXfs count="1015">
    <xf numFmtId="0" fontId="0" fillId="0" borderId="0" xfId="0"/>
    <xf numFmtId="3" fontId="22" fillId="0" borderId="62" xfId="35" applyNumberFormat="1" applyFont="1" applyBorder="1" applyAlignment="1">
      <alignment horizontal="right" vertical="center"/>
    </xf>
    <xf numFmtId="0" fontId="22" fillId="0" borderId="62" xfId="35" quotePrefix="1" applyFont="1" applyBorder="1" applyAlignment="1">
      <alignment horizontal="left" vertical="center"/>
    </xf>
    <xf numFmtId="10" fontId="22" fillId="0" borderId="61" xfId="34" applyNumberFormat="1" applyFont="1" applyFill="1" applyBorder="1" applyAlignment="1">
      <alignment horizontal="right" vertical="center"/>
    </xf>
    <xf numFmtId="0" fontId="22" fillId="0" borderId="61" xfId="35" applyFont="1" applyBorder="1" applyAlignment="1">
      <alignment horizontal="left" vertical="center"/>
    </xf>
    <xf numFmtId="3" fontId="22" fillId="0" borderId="61" xfId="34" applyNumberFormat="1" applyFont="1" applyFill="1" applyBorder="1" applyAlignment="1">
      <alignment horizontal="right" vertical="center"/>
    </xf>
    <xf numFmtId="3" fontId="22" fillId="0" borderId="61" xfId="35" applyNumberFormat="1" applyFont="1" applyBorder="1" applyAlignment="1">
      <alignment horizontal="right" vertical="center"/>
    </xf>
    <xf numFmtId="0" fontId="22" fillId="0" borderId="61" xfId="35" quotePrefix="1" applyFont="1" applyBorder="1" applyAlignment="1">
      <alignment horizontal="left" vertical="center"/>
    </xf>
    <xf numFmtId="0" fontId="25" fillId="0" borderId="0" xfId="0" applyFont="1"/>
    <xf numFmtId="0" fontId="26" fillId="0" borderId="0" xfId="0" applyFont="1"/>
    <xf numFmtId="0" fontId="30" fillId="0" borderId="0" xfId="4" applyFont="1" applyFill="1" applyBorder="1" applyAlignment="1">
      <alignment horizontal="left" vertical="center"/>
    </xf>
    <xf numFmtId="0" fontId="22" fillId="7" borderId="0" xfId="0" applyFont="1" applyFill="1"/>
    <xf numFmtId="0" fontId="22" fillId="7" borderId="0" xfId="0" applyFont="1" applyFill="1" applyAlignment="1">
      <alignment horizontal="center" vertical="center"/>
    </xf>
    <xf numFmtId="0" fontId="22" fillId="7" borderId="0" xfId="15" applyFont="1" applyFill="1"/>
    <xf numFmtId="0" fontId="22" fillId="7" borderId="0" xfId="0" applyFont="1" applyFill="1" applyAlignment="1">
      <alignment vertical="center" wrapText="1"/>
    </xf>
    <xf numFmtId="0" fontId="22" fillId="7" borderId="0" xfId="0" applyFont="1" applyFill="1" applyAlignment="1">
      <alignment vertical="center"/>
    </xf>
    <xf numFmtId="0" fontId="31" fillId="7" borderId="0" xfId="0" applyFont="1" applyFill="1"/>
    <xf numFmtId="3" fontId="31" fillId="7" borderId="22" xfId="30" applyNumberFormat="1" applyFont="1" applyFill="1" applyBorder="1" applyAlignment="1">
      <alignment horizontal="right" vertical="center"/>
    </xf>
    <xf numFmtId="0" fontId="31" fillId="7" borderId="22" xfId="0" applyFont="1" applyFill="1" applyBorder="1" applyAlignment="1">
      <alignment horizontal="left" vertical="center"/>
    </xf>
    <xf numFmtId="0" fontId="31" fillId="7" borderId="22" xfId="0" applyFont="1" applyFill="1" applyBorder="1" applyAlignment="1">
      <alignment horizontal="center" vertical="center"/>
    </xf>
    <xf numFmtId="0" fontId="20" fillId="7" borderId="0" xfId="0" applyFont="1" applyFill="1"/>
    <xf numFmtId="3" fontId="22" fillId="7" borderId="63" xfId="30" applyNumberFormat="1" applyFont="1" applyFill="1" applyBorder="1" applyAlignment="1">
      <alignment horizontal="right" vertical="center"/>
    </xf>
    <xf numFmtId="0" fontId="22" fillId="7" borderId="63" xfId="0" applyFont="1" applyFill="1" applyBorder="1" applyAlignment="1">
      <alignment horizontal="left" vertical="center" wrapText="1" indent="1"/>
    </xf>
    <xf numFmtId="0" fontId="22" fillId="7" borderId="63" xfId="0" applyFont="1" applyFill="1" applyBorder="1" applyAlignment="1">
      <alignment horizontal="center" vertical="center"/>
    </xf>
    <xf numFmtId="3" fontId="22" fillId="7" borderId="64" xfId="30" applyNumberFormat="1" applyFont="1" applyFill="1" applyBorder="1" applyAlignment="1">
      <alignment horizontal="right" vertical="center"/>
    </xf>
    <xf numFmtId="0" fontId="22" fillId="7" borderId="64" xfId="0" applyFont="1" applyFill="1" applyBorder="1" applyAlignment="1">
      <alignment horizontal="left" vertical="center" indent="1"/>
    </xf>
    <xf numFmtId="0" fontId="22" fillId="7" borderId="64" xfId="0" applyFont="1" applyFill="1" applyBorder="1" applyAlignment="1">
      <alignment horizontal="center" vertical="center"/>
    </xf>
    <xf numFmtId="0" fontId="33" fillId="7" borderId="0" xfId="0" applyFont="1" applyFill="1"/>
    <xf numFmtId="3" fontId="31" fillId="7" borderId="18" xfId="30" applyNumberFormat="1" applyFont="1" applyFill="1" applyBorder="1" applyAlignment="1">
      <alignment horizontal="right" vertical="center"/>
    </xf>
    <xf numFmtId="0" fontId="31" fillId="7" borderId="18" xfId="0" applyFont="1" applyFill="1" applyBorder="1" applyAlignment="1">
      <alignment horizontal="left" vertical="center" wrapText="1"/>
    </xf>
    <xf numFmtId="0" fontId="31" fillId="7" borderId="18" xfId="0" applyFont="1" applyFill="1" applyBorder="1" applyAlignment="1">
      <alignment horizontal="center" vertical="center"/>
    </xf>
    <xf numFmtId="0" fontId="32" fillId="7" borderId="0" xfId="0" applyFont="1" applyFill="1"/>
    <xf numFmtId="0" fontId="32" fillId="7" borderId="61" xfId="0" applyFont="1" applyFill="1" applyBorder="1" applyAlignment="1">
      <alignment horizontal="left" vertical="center" indent="1"/>
    </xf>
    <xf numFmtId="0" fontId="32" fillId="7" borderId="61" xfId="0" applyFont="1" applyFill="1" applyBorder="1" applyAlignment="1">
      <alignment horizontal="center" vertical="center"/>
    </xf>
    <xf numFmtId="3" fontId="22" fillId="7" borderId="61" xfId="30" applyNumberFormat="1" applyFont="1" applyFill="1" applyBorder="1" applyAlignment="1">
      <alignment horizontal="right" vertical="center"/>
    </xf>
    <xf numFmtId="0" fontId="22" fillId="7" borderId="61" xfId="0" applyFont="1" applyFill="1" applyBorder="1" applyAlignment="1">
      <alignment horizontal="left" vertical="center" wrapText="1" indent="3"/>
    </xf>
    <xf numFmtId="0" fontId="22" fillId="7" borderId="61" xfId="0" applyFont="1" applyFill="1" applyBorder="1" applyAlignment="1">
      <alignment horizontal="center" vertical="center"/>
    </xf>
    <xf numFmtId="0" fontId="22" fillId="7" borderId="61" xfId="0" applyFont="1" applyFill="1" applyBorder="1" applyAlignment="1">
      <alignment horizontal="left" vertical="center" wrapText="1" indent="5"/>
    </xf>
    <xf numFmtId="0" fontId="22" fillId="7" borderId="61" xfId="0" applyFont="1" applyFill="1" applyBorder="1" applyAlignment="1">
      <alignment horizontal="left" vertical="center" indent="3"/>
    </xf>
    <xf numFmtId="0" fontId="22" fillId="7" borderId="48" xfId="0" applyFont="1" applyFill="1" applyBorder="1" applyAlignment="1">
      <alignment vertical="center" wrapText="1"/>
    </xf>
    <xf numFmtId="0" fontId="34" fillId="7" borderId="33" xfId="0" applyFont="1" applyFill="1" applyBorder="1" applyAlignment="1">
      <alignment vertical="center" wrapText="1"/>
    </xf>
    <xf numFmtId="0" fontId="22" fillId="7" borderId="33" xfId="0" applyFont="1" applyFill="1" applyBorder="1" applyAlignment="1">
      <alignment vertical="center" wrapText="1"/>
    </xf>
    <xf numFmtId="0" fontId="31" fillId="7" borderId="33" xfId="0" applyFont="1" applyFill="1" applyBorder="1"/>
    <xf numFmtId="0" fontId="27" fillId="7" borderId="33" xfId="0" applyFont="1" applyFill="1" applyBorder="1" applyAlignment="1">
      <alignment horizontal="center" vertical="center" wrapText="1"/>
    </xf>
    <xf numFmtId="0" fontId="31" fillId="7" borderId="43" xfId="0" applyFont="1" applyFill="1" applyBorder="1" applyAlignment="1">
      <alignment vertical="center" wrapText="1"/>
    </xf>
    <xf numFmtId="0" fontId="27" fillId="7" borderId="43" xfId="0" applyFont="1" applyFill="1" applyBorder="1" applyAlignment="1">
      <alignment horizontal="center" vertical="center" wrapText="1"/>
    </xf>
    <xf numFmtId="0" fontId="28" fillId="7" borderId="27" xfId="0" applyFont="1" applyFill="1" applyBorder="1" applyAlignment="1">
      <alignment horizontal="center"/>
    </xf>
    <xf numFmtId="0" fontId="27" fillId="7" borderId="27" xfId="0" applyFont="1" applyFill="1" applyBorder="1" applyAlignment="1">
      <alignment vertical="center" wrapText="1"/>
    </xf>
    <xf numFmtId="0" fontId="27" fillId="7" borderId="27" xfId="0" applyFont="1" applyFill="1" applyBorder="1" applyAlignment="1">
      <alignment horizontal="center" vertical="center" wrapText="1"/>
    </xf>
    <xf numFmtId="0" fontId="28" fillId="0" borderId="0" xfId="0" applyFont="1"/>
    <xf numFmtId="3" fontId="31" fillId="7" borderId="62" xfId="0" applyNumberFormat="1" applyFont="1" applyFill="1" applyBorder="1" applyAlignment="1">
      <alignment horizontal="right" vertical="center" wrapText="1"/>
    </xf>
    <xf numFmtId="0" fontId="31" fillId="7" borderId="62" xfId="0" applyFont="1" applyFill="1" applyBorder="1" applyAlignment="1">
      <alignment horizontal="left" vertical="center" wrapText="1"/>
    </xf>
    <xf numFmtId="0" fontId="22" fillId="7" borderId="62" xfId="0" applyFont="1" applyFill="1" applyBorder="1" applyAlignment="1">
      <alignment horizontal="center" vertical="center"/>
    </xf>
    <xf numFmtId="0" fontId="19" fillId="9" borderId="0" xfId="6" applyFont="1" applyFill="1" applyAlignment="1">
      <alignment horizontal="center" vertical="center"/>
    </xf>
    <xf numFmtId="0" fontId="22" fillId="7" borderId="0" xfId="15" applyFont="1" applyFill="1" applyAlignment="1">
      <alignment vertical="center"/>
    </xf>
    <xf numFmtId="165" fontId="22" fillId="7" borderId="69" xfId="36" applyNumberFormat="1" applyFont="1" applyFill="1" applyBorder="1" applyAlignment="1">
      <alignment horizontal="center" vertical="center" wrapText="1"/>
    </xf>
    <xf numFmtId="3" fontId="22" fillId="7" borderId="69" xfId="0" applyNumberFormat="1" applyFont="1" applyFill="1" applyBorder="1" applyAlignment="1">
      <alignment horizontal="center" vertical="center" wrapText="1"/>
    </xf>
    <xf numFmtId="3" fontId="22" fillId="10" borderId="69" xfId="0" applyNumberFormat="1" applyFont="1" applyFill="1" applyBorder="1" applyAlignment="1">
      <alignment horizontal="center" vertical="center" wrapText="1"/>
    </xf>
    <xf numFmtId="0" fontId="22" fillId="7" borderId="69" xfId="0" applyFont="1" applyFill="1" applyBorder="1" applyAlignment="1">
      <alignment horizontal="left" vertical="center" wrapText="1"/>
    </xf>
    <xf numFmtId="0" fontId="22" fillId="7" borderId="69" xfId="0" applyFont="1" applyFill="1" applyBorder="1" applyAlignment="1">
      <alignment horizontal="center" vertical="center"/>
    </xf>
    <xf numFmtId="165" fontId="22" fillId="7" borderId="61" xfId="36" applyNumberFormat="1" applyFont="1" applyFill="1" applyBorder="1" applyAlignment="1">
      <alignment horizontal="center" vertical="center" wrapText="1"/>
    </xf>
    <xf numFmtId="3" fontId="22" fillId="7" borderId="61" xfId="0" applyNumberFormat="1" applyFont="1" applyFill="1" applyBorder="1" applyAlignment="1">
      <alignment horizontal="center" vertical="center" wrapText="1"/>
    </xf>
    <xf numFmtId="0" fontId="22" fillId="7" borderId="61" xfId="0" applyFont="1" applyFill="1" applyBorder="1" applyAlignment="1">
      <alignment horizontal="left" vertical="center" wrapText="1"/>
    </xf>
    <xf numFmtId="0" fontId="31" fillId="7" borderId="0" xfId="0" applyFont="1" applyFill="1" applyAlignment="1">
      <alignment vertical="center"/>
    </xf>
    <xf numFmtId="165" fontId="31" fillId="7" borderId="61" xfId="36" applyNumberFormat="1" applyFont="1" applyFill="1" applyBorder="1" applyAlignment="1">
      <alignment horizontal="center" vertical="center" wrapText="1"/>
    </xf>
    <xf numFmtId="3" fontId="31" fillId="7" borderId="61" xfId="0" applyNumberFormat="1" applyFont="1" applyFill="1" applyBorder="1" applyAlignment="1">
      <alignment horizontal="center" vertical="center" wrapText="1"/>
    </xf>
    <xf numFmtId="0" fontId="31" fillId="7" borderId="61" xfId="0" applyFont="1" applyFill="1" applyBorder="1" applyAlignment="1">
      <alignment horizontal="left" vertical="center" wrapText="1"/>
    </xf>
    <xf numFmtId="0" fontId="31" fillId="7" borderId="61" xfId="0" applyFont="1" applyFill="1" applyBorder="1" applyAlignment="1">
      <alignment horizontal="center" vertical="center"/>
    </xf>
    <xf numFmtId="3" fontId="22" fillId="10" borderId="61" xfId="0" applyNumberFormat="1" applyFont="1" applyFill="1" applyBorder="1" applyAlignment="1">
      <alignment horizontal="center" vertical="center" wrapText="1"/>
    </xf>
    <xf numFmtId="165" fontId="31" fillId="7" borderId="62" xfId="36" applyNumberFormat="1" applyFont="1" applyFill="1" applyBorder="1" applyAlignment="1">
      <alignment horizontal="center" vertical="center" wrapText="1"/>
    </xf>
    <xf numFmtId="3" fontId="31" fillId="7" borderId="62" xfId="0" applyNumberFormat="1" applyFont="1" applyFill="1" applyBorder="1" applyAlignment="1">
      <alignment horizontal="center" vertical="center" wrapText="1"/>
    </xf>
    <xf numFmtId="0" fontId="31" fillId="7" borderId="62" xfId="0" applyFont="1" applyFill="1" applyBorder="1" applyAlignment="1">
      <alignment vertical="center" wrapText="1"/>
    </xf>
    <xf numFmtId="0" fontId="31" fillId="7" borderId="62" xfId="0" applyFont="1" applyFill="1" applyBorder="1" applyAlignment="1">
      <alignment horizontal="center" vertical="center"/>
    </xf>
    <xf numFmtId="0" fontId="22" fillId="7" borderId="0" xfId="0" applyFont="1" applyFill="1" applyAlignment="1">
      <alignment horizontal="center" vertical="center" wrapText="1"/>
    </xf>
    <xf numFmtId="0" fontId="22" fillId="7" borderId="22" xfId="0" applyFont="1" applyFill="1" applyBorder="1" applyAlignment="1">
      <alignment horizontal="center"/>
    </xf>
    <xf numFmtId="3" fontId="22" fillId="7" borderId="69" xfId="0" applyNumberFormat="1" applyFont="1" applyFill="1" applyBorder="1" applyAlignment="1">
      <alignment vertical="center"/>
    </xf>
    <xf numFmtId="0" fontId="22" fillId="7" borderId="69" xfId="0" applyFont="1" applyFill="1" applyBorder="1" applyAlignment="1">
      <alignment vertical="center"/>
    </xf>
    <xf numFmtId="3" fontId="22" fillId="7" borderId="61" xfId="0" applyNumberFormat="1" applyFont="1" applyFill="1" applyBorder="1" applyAlignment="1">
      <alignment vertical="center"/>
    </xf>
    <xf numFmtId="0" fontId="22" fillId="7" borderId="61" xfId="0" applyFont="1" applyFill="1" applyBorder="1" applyAlignment="1">
      <alignment vertical="center"/>
    </xf>
    <xf numFmtId="3" fontId="22" fillId="7" borderId="62" xfId="0" applyNumberFormat="1" applyFont="1" applyFill="1" applyBorder="1" applyAlignment="1">
      <alignment vertical="center"/>
    </xf>
    <xf numFmtId="0" fontId="22" fillId="7" borderId="62" xfId="0" applyFont="1" applyFill="1" applyBorder="1" applyAlignment="1">
      <alignment vertical="center"/>
    </xf>
    <xf numFmtId="0" fontId="22" fillId="0" borderId="33" xfId="0" applyFont="1" applyBorder="1" applyAlignment="1">
      <alignment vertical="center" wrapText="1"/>
    </xf>
    <xf numFmtId="0" fontId="22" fillId="7" borderId="33" xfId="0" applyFont="1" applyFill="1" applyBorder="1" applyAlignment="1">
      <alignment vertical="center"/>
    </xf>
    <xf numFmtId="0" fontId="22" fillId="0" borderId="33" xfId="0" applyFont="1" applyBorder="1" applyAlignment="1">
      <alignment horizontal="center" vertical="center" wrapText="1"/>
    </xf>
    <xf numFmtId="3" fontId="22" fillId="7" borderId="33" xfId="0" applyNumberFormat="1" applyFont="1" applyFill="1" applyBorder="1" applyAlignment="1">
      <alignment vertical="center" wrapText="1"/>
    </xf>
    <xf numFmtId="3" fontId="22" fillId="7" borderId="0" xfId="0" applyNumberFormat="1" applyFont="1" applyFill="1" applyAlignment="1">
      <alignment vertical="center" wrapText="1"/>
    </xf>
    <xf numFmtId="0" fontId="22" fillId="7" borderId="43" xfId="0" applyFont="1" applyFill="1" applyBorder="1" applyAlignment="1">
      <alignment vertical="center"/>
    </xf>
    <xf numFmtId="0" fontId="28" fillId="7" borderId="0" xfId="0" applyFont="1" applyFill="1" applyAlignment="1">
      <alignment vertical="center"/>
    </xf>
    <xf numFmtId="0" fontId="28" fillId="0" borderId="0" xfId="0" applyFont="1" applyAlignment="1">
      <alignment horizontal="center" vertical="center"/>
    </xf>
    <xf numFmtId="0" fontId="28" fillId="7" borderId="0" xfId="0" applyFont="1" applyFill="1" applyAlignment="1">
      <alignment horizontal="center" vertical="center"/>
    </xf>
    <xf numFmtId="3" fontId="28" fillId="7" borderId="0" xfId="0" applyNumberFormat="1" applyFont="1" applyFill="1" applyAlignment="1">
      <alignment horizontal="center" vertical="center"/>
    </xf>
    <xf numFmtId="0" fontId="28" fillId="0" borderId="61" xfId="0" applyFont="1" applyBorder="1" applyAlignment="1">
      <alignment horizontal="left" vertical="center" wrapText="1"/>
    </xf>
    <xf numFmtId="0" fontId="33" fillId="0" borderId="0" xfId="0" applyFont="1" applyAlignment="1">
      <alignment horizontal="center" vertical="center"/>
    </xf>
    <xf numFmtId="0" fontId="22" fillId="0" borderId="0" xfId="0" applyFont="1" applyAlignment="1">
      <alignment vertical="center"/>
    </xf>
    <xf numFmtId="0" fontId="25" fillId="0" borderId="0" xfId="0" applyFont="1" applyAlignment="1">
      <alignment vertical="center"/>
    </xf>
    <xf numFmtId="0" fontId="26" fillId="0" borderId="0" xfId="0" applyFont="1" applyAlignment="1">
      <alignment vertical="center"/>
    </xf>
    <xf numFmtId="0" fontId="22" fillId="0" borderId="0" xfId="38" applyFont="1" applyAlignment="1">
      <alignment vertical="center"/>
    </xf>
    <xf numFmtId="0" fontId="22" fillId="0" borderId="0" xfId="35" applyFont="1" applyAlignment="1">
      <alignment vertical="center"/>
    </xf>
    <xf numFmtId="0" fontId="23" fillId="0" borderId="0" xfId="35" applyFont="1" applyAlignment="1">
      <alignment horizontal="right" vertical="center"/>
    </xf>
    <xf numFmtId="0" fontId="22" fillId="0" borderId="0" xfId="35" applyFont="1" applyAlignment="1">
      <alignment horizontal="right" vertical="center"/>
    </xf>
    <xf numFmtId="0" fontId="22" fillId="0" borderId="69" xfId="35" applyFont="1" applyBorder="1" applyAlignment="1">
      <alignment horizontal="left" vertical="center"/>
    </xf>
    <xf numFmtId="0" fontId="22" fillId="0" borderId="63" xfId="35" applyFont="1" applyBorder="1" applyAlignment="1">
      <alignment horizontal="left" vertical="center"/>
    </xf>
    <xf numFmtId="10" fontId="22" fillId="0" borderId="61" xfId="39" applyNumberFormat="1" applyFont="1" applyFill="1" applyBorder="1" applyAlignment="1">
      <alignment horizontal="right" vertical="center"/>
    </xf>
    <xf numFmtId="0" fontId="24" fillId="0" borderId="24" xfId="35" quotePrefix="1" applyFont="1" applyBorder="1" applyAlignment="1">
      <alignment horizontal="center" vertical="center" wrapText="1"/>
    </xf>
    <xf numFmtId="0" fontId="36" fillId="0" borderId="0" xfId="40" applyFont="1" applyAlignment="1">
      <alignment vertical="center"/>
    </xf>
    <xf numFmtId="0" fontId="30" fillId="0" borderId="0" xfId="38" applyFont="1" applyAlignment="1">
      <alignment vertical="center"/>
    </xf>
    <xf numFmtId="0" fontId="26" fillId="0" borderId="0" xfId="0" applyFont="1" applyAlignment="1">
      <alignment horizontal="right"/>
    </xf>
    <xf numFmtId="0" fontId="29" fillId="0" borderId="0" xfId="0" applyFont="1"/>
    <xf numFmtId="9" fontId="37" fillId="0" borderId="33" xfId="0" applyNumberFormat="1" applyFont="1" applyBorder="1" applyAlignment="1">
      <alignment horizontal="right" vertical="center" wrapText="1"/>
    </xf>
    <xf numFmtId="0" fontId="37" fillId="0" borderId="33" xfId="0" applyFont="1" applyBorder="1" applyAlignment="1">
      <alignment horizontal="justify" vertical="center" wrapText="1"/>
    </xf>
    <xf numFmtId="0" fontId="37" fillId="0" borderId="33" xfId="0" applyFont="1" applyBorder="1" applyAlignment="1">
      <alignment horizontal="center" vertical="center" wrapText="1"/>
    </xf>
    <xf numFmtId="3" fontId="37" fillId="0" borderId="0" xfId="0" applyNumberFormat="1" applyFont="1" applyAlignment="1">
      <alignment horizontal="right" vertical="center" wrapText="1"/>
    </xf>
    <xf numFmtId="0" fontId="37" fillId="0" borderId="0" xfId="0" applyFont="1" applyAlignment="1">
      <alignment vertical="center"/>
    </xf>
    <xf numFmtId="0" fontId="37" fillId="0" borderId="0" xfId="0" applyFont="1" applyAlignment="1">
      <alignment horizontal="center" vertical="center" wrapText="1"/>
    </xf>
    <xf numFmtId="3" fontId="37" fillId="0" borderId="24" xfId="0" applyNumberFormat="1" applyFont="1" applyBorder="1" applyAlignment="1">
      <alignment horizontal="right" vertical="center" wrapText="1"/>
    </xf>
    <xf numFmtId="0" fontId="37" fillId="0" borderId="24" xfId="0" applyFont="1" applyBorder="1" applyAlignment="1">
      <alignment horizontal="justify" vertical="center" wrapText="1"/>
    </xf>
    <xf numFmtId="0" fontId="37" fillId="0" borderId="24" xfId="0" applyFont="1" applyBorder="1" applyAlignment="1">
      <alignment horizontal="center" vertical="center" wrapText="1"/>
    </xf>
    <xf numFmtId="0" fontId="27" fillId="0" borderId="26" xfId="0" applyFont="1" applyBorder="1" applyAlignment="1">
      <alignment vertical="center" wrapText="1"/>
    </xf>
    <xf numFmtId="9" fontId="37" fillId="0" borderId="0" xfId="36" applyFont="1" applyBorder="1" applyAlignment="1">
      <alignment horizontal="right" vertical="center" wrapText="1"/>
    </xf>
    <xf numFmtId="0" fontId="37" fillId="0" borderId="0" xfId="0" applyFont="1" applyAlignment="1">
      <alignment horizontal="justify" vertical="center" wrapText="1"/>
    </xf>
    <xf numFmtId="0" fontId="38" fillId="0" borderId="0" xfId="0" applyFont="1"/>
    <xf numFmtId="10" fontId="37" fillId="0" borderId="0" xfId="36" applyNumberFormat="1" applyFont="1" applyBorder="1" applyAlignment="1">
      <alignment horizontal="right" vertical="center" wrapText="1"/>
    </xf>
    <xf numFmtId="0" fontId="37" fillId="0" borderId="0" xfId="0" applyFont="1" applyAlignment="1">
      <alignment vertical="center" wrapText="1"/>
    </xf>
    <xf numFmtId="10" fontId="37" fillId="0" borderId="0" xfId="0" applyNumberFormat="1" applyFont="1" applyAlignment="1">
      <alignment horizontal="right" vertical="center" wrapText="1"/>
    </xf>
    <xf numFmtId="0" fontId="39" fillId="0" borderId="0" xfId="0" applyFont="1" applyAlignment="1">
      <alignment vertical="center" wrapText="1"/>
    </xf>
    <xf numFmtId="17" fontId="31" fillId="0" borderId="0" xfId="0" applyNumberFormat="1" applyFont="1" applyAlignment="1">
      <alignment horizontal="right" vertical="center" wrapText="1"/>
    </xf>
    <xf numFmtId="0" fontId="40" fillId="0" borderId="0" xfId="0" applyFont="1" applyAlignment="1">
      <alignment vertical="center" wrapText="1"/>
    </xf>
    <xf numFmtId="0" fontId="32" fillId="0" borderId="0" xfId="0" applyFont="1" applyAlignment="1">
      <alignment horizontal="right" vertical="center" wrapText="1"/>
    </xf>
    <xf numFmtId="0" fontId="41" fillId="0" borderId="0" xfId="0" applyFont="1" applyAlignment="1">
      <alignment vertical="center" wrapText="1"/>
    </xf>
    <xf numFmtId="0" fontId="42" fillId="0" borderId="0" xfId="0" applyFont="1" applyAlignment="1">
      <alignment vertical="center" wrapText="1"/>
    </xf>
    <xf numFmtId="0" fontId="32" fillId="0" borderId="0" xfId="0" applyFont="1"/>
    <xf numFmtId="0" fontId="43" fillId="0" borderId="0" xfId="0" applyFont="1" applyAlignment="1">
      <alignment vertical="center"/>
    </xf>
    <xf numFmtId="0" fontId="44" fillId="0" borderId="0" xfId="0" applyFont="1"/>
    <xf numFmtId="3" fontId="22" fillId="0" borderId="0" xfId="35" applyNumberFormat="1" applyFont="1" applyAlignment="1">
      <alignment vertical="center"/>
    </xf>
    <xf numFmtId="14" fontId="31" fillId="7" borderId="18" xfId="15" quotePrefix="1" applyNumberFormat="1" applyFont="1" applyFill="1" applyBorder="1" applyAlignment="1">
      <alignment horizontal="center" vertical="center"/>
    </xf>
    <xf numFmtId="0" fontId="45" fillId="0" borderId="0" xfId="0" applyFont="1" applyAlignment="1">
      <alignment horizontal="center" vertical="center"/>
    </xf>
    <xf numFmtId="0" fontId="29" fillId="0" borderId="70" xfId="0" applyFont="1" applyBorder="1" applyAlignment="1">
      <alignment vertical="center"/>
    </xf>
    <xf numFmtId="0" fontId="29" fillId="0" borderId="0" xfId="0" applyFont="1" applyAlignment="1">
      <alignment horizontal="center" vertical="center"/>
    </xf>
    <xf numFmtId="3" fontId="29" fillId="0" borderId="70" xfId="0" applyNumberFormat="1" applyFont="1" applyBorder="1" applyAlignment="1">
      <alignment horizontal="center" vertical="center"/>
    </xf>
    <xf numFmtId="0" fontId="29" fillId="0" borderId="71" xfId="0" applyFont="1" applyBorder="1" applyAlignment="1">
      <alignment vertical="center"/>
    </xf>
    <xf numFmtId="3" fontId="29" fillId="0" borderId="71" xfId="0" applyNumberFormat="1" applyFont="1" applyBorder="1" applyAlignment="1">
      <alignment horizontal="center" vertical="center"/>
    </xf>
    <xf numFmtId="0" fontId="21" fillId="0" borderId="30" xfId="0" applyFont="1" applyBorder="1" applyAlignment="1">
      <alignment vertical="center"/>
    </xf>
    <xf numFmtId="3" fontId="21" fillId="0" borderId="30" xfId="0" applyNumberFormat="1" applyFont="1" applyBorder="1" applyAlignment="1">
      <alignment horizontal="center" vertical="center"/>
    </xf>
    <xf numFmtId="3" fontId="21" fillId="0" borderId="0" xfId="0" applyNumberFormat="1" applyFont="1" applyAlignment="1">
      <alignment horizontal="center" vertical="center"/>
    </xf>
    <xf numFmtId="0" fontId="29" fillId="0" borderId="72" xfId="0" applyFont="1" applyBorder="1" applyAlignment="1">
      <alignment vertical="center"/>
    </xf>
    <xf numFmtId="3" fontId="29" fillId="0" borderId="72" xfId="0" applyNumberFormat="1" applyFont="1" applyBorder="1" applyAlignment="1">
      <alignment horizontal="center" vertical="center"/>
    </xf>
    <xf numFmtId="0" fontId="21" fillId="0" borderId="0" xfId="0" applyFont="1" applyAlignment="1">
      <alignment horizontal="center" vertical="center"/>
    </xf>
    <xf numFmtId="171" fontId="31" fillId="7" borderId="18" xfId="15" quotePrefix="1" applyNumberFormat="1" applyFont="1" applyFill="1" applyBorder="1" applyAlignment="1">
      <alignment horizontal="center" vertical="center"/>
    </xf>
    <xf numFmtId="0" fontId="31" fillId="0" borderId="0" xfId="43" applyFont="1" applyFill="1" applyBorder="1" applyAlignment="1">
      <alignment horizontal="left" vertical="center"/>
    </xf>
    <xf numFmtId="0" fontId="21" fillId="0" borderId="0" xfId="41" applyFont="1" applyAlignment="1">
      <alignment vertical="center" wrapText="1"/>
    </xf>
    <xf numFmtId="0" fontId="31" fillId="0" borderId="0" xfId="42" applyFont="1" applyAlignment="1">
      <alignment horizontal="center" vertical="center" wrapText="1"/>
    </xf>
    <xf numFmtId="0" fontId="24" fillId="0" borderId="43" xfId="35" applyFont="1" applyBorder="1" applyAlignment="1">
      <alignment horizontal="center" vertical="center" wrapText="1"/>
    </xf>
    <xf numFmtId="0" fontId="22" fillId="0" borderId="30" xfId="35" applyFont="1" applyBorder="1" applyAlignment="1">
      <alignment horizontal="center" vertical="center"/>
    </xf>
    <xf numFmtId="0" fontId="22" fillId="0" borderId="30" xfId="42" applyFont="1" applyBorder="1" applyAlignment="1">
      <alignment horizontal="justify" vertical="center"/>
    </xf>
    <xf numFmtId="0" fontId="22" fillId="0" borderId="42" xfId="35" applyFont="1" applyBorder="1" applyAlignment="1">
      <alignment horizontal="center" vertical="center"/>
    </xf>
    <xf numFmtId="0" fontId="22" fillId="0" borderId="42" xfId="42" applyFont="1" applyBorder="1" applyAlignment="1">
      <alignment horizontal="justify" vertical="center"/>
    </xf>
    <xf numFmtId="0" fontId="22" fillId="0" borderId="28" xfId="35" applyFont="1" applyBorder="1" applyAlignment="1">
      <alignment horizontal="center" vertical="center"/>
    </xf>
    <xf numFmtId="0" fontId="22" fillId="0" borderId="28" xfId="42" applyFont="1" applyBorder="1" applyAlignment="1">
      <alignment horizontal="justify" vertical="center"/>
    </xf>
    <xf numFmtId="0" fontId="22" fillId="0" borderId="29" xfId="35" applyFont="1" applyBorder="1" applyAlignment="1">
      <alignment horizontal="center" vertical="center"/>
    </xf>
    <xf numFmtId="0" fontId="22" fillId="0" borderId="29" xfId="42" applyFont="1" applyBorder="1" applyAlignment="1">
      <alignment horizontal="justify" vertical="center"/>
    </xf>
    <xf numFmtId="0" fontId="22" fillId="0" borderId="28" xfId="42" applyFont="1" applyBorder="1" applyAlignment="1">
      <alignment horizontal="left" vertical="center" indent="1"/>
    </xf>
    <xf numFmtId="0" fontId="22" fillId="0" borderId="29" xfId="42" applyFont="1" applyBorder="1" applyAlignment="1">
      <alignment horizontal="left" vertical="center" indent="1"/>
    </xf>
    <xf numFmtId="0" fontId="21" fillId="5" borderId="29" xfId="41" applyFont="1" applyFill="1" applyBorder="1" applyAlignment="1">
      <alignment horizontal="left" vertical="center" wrapText="1" indent="1"/>
    </xf>
    <xf numFmtId="0" fontId="31" fillId="5" borderId="30" xfId="41" applyFont="1" applyFill="1" applyBorder="1" applyAlignment="1">
      <alignment horizontal="left" vertical="center" wrapText="1"/>
    </xf>
    <xf numFmtId="0" fontId="31" fillId="5" borderId="30" xfId="41" quotePrefix="1" applyFont="1" applyFill="1" applyBorder="1" applyAlignment="1">
      <alignment horizontal="center" vertical="center" wrapText="1"/>
    </xf>
    <xf numFmtId="0" fontId="21" fillId="5" borderId="43" xfId="41" applyFont="1" applyFill="1" applyBorder="1" applyAlignment="1">
      <alignment horizontal="left" vertical="center" wrapText="1" indent="1"/>
    </xf>
    <xf numFmtId="0" fontId="21" fillId="5" borderId="0" xfId="41" applyFont="1" applyFill="1" applyAlignment="1">
      <alignment horizontal="left" vertical="center" wrapText="1" indent="1"/>
    </xf>
    <xf numFmtId="0" fontId="21" fillId="5" borderId="27" xfId="41" applyFont="1" applyFill="1" applyBorder="1" applyAlignment="1">
      <alignment horizontal="left" vertical="center" wrapText="1" indent="1"/>
    </xf>
    <xf numFmtId="0" fontId="49" fillId="5" borderId="0" xfId="41" quotePrefix="1" applyFont="1" applyFill="1" applyAlignment="1">
      <alignment horizontal="center" vertical="center" wrapText="1"/>
    </xf>
    <xf numFmtId="0" fontId="21" fillId="5" borderId="0" xfId="41" quotePrefix="1" applyFont="1" applyFill="1" applyAlignment="1">
      <alignment horizontal="center" vertical="center" wrapText="1"/>
    </xf>
    <xf numFmtId="0" fontId="33" fillId="5" borderId="0" xfId="41" quotePrefix="1" applyFont="1" applyFill="1" applyAlignment="1">
      <alignment horizontal="center" vertical="center" wrapText="1"/>
    </xf>
    <xf numFmtId="0" fontId="20" fillId="5" borderId="0" xfId="41" quotePrefix="1" applyFont="1" applyFill="1" applyAlignment="1">
      <alignment horizontal="center" vertical="center" wrapText="1"/>
    </xf>
    <xf numFmtId="0" fontId="50" fillId="5" borderId="0" xfId="41" applyFont="1" applyFill="1" applyAlignment="1">
      <alignment vertical="center" wrapText="1"/>
    </xf>
    <xf numFmtId="0" fontId="50" fillId="5" borderId="27" xfId="41" applyFont="1" applyFill="1" applyBorder="1" applyAlignment="1">
      <alignment vertical="center" wrapText="1"/>
    </xf>
    <xf numFmtId="0" fontId="21" fillId="5" borderId="43" xfId="41" quotePrefix="1" applyFont="1" applyFill="1" applyBorder="1" applyAlignment="1">
      <alignment horizontal="center" vertical="center" wrapText="1"/>
    </xf>
    <xf numFmtId="0" fontId="22" fillId="5" borderId="43" xfId="41" quotePrefix="1" applyFont="1" applyFill="1" applyBorder="1" applyAlignment="1">
      <alignment horizontal="center" vertical="center" wrapText="1"/>
    </xf>
    <xf numFmtId="0" fontId="31" fillId="5" borderId="0" xfId="41" quotePrefix="1" applyFont="1" applyFill="1" applyAlignment="1">
      <alignment horizontal="center" vertical="center" wrapText="1"/>
    </xf>
    <xf numFmtId="0" fontId="22" fillId="5" borderId="0" xfId="41" quotePrefix="1" applyFont="1" applyFill="1" applyAlignment="1">
      <alignment horizontal="center" vertical="center" wrapText="1"/>
    </xf>
    <xf numFmtId="0" fontId="31" fillId="5" borderId="27" xfId="41" quotePrefix="1" applyFont="1" applyFill="1" applyBorder="1" applyAlignment="1">
      <alignment horizontal="center" vertical="center" wrapText="1"/>
    </xf>
    <xf numFmtId="10" fontId="22" fillId="0" borderId="42" xfId="7" quotePrefix="1" applyNumberFormat="1" applyFont="1" applyBorder="1" applyAlignment="1">
      <alignment horizontal="right" vertical="center" wrapText="1"/>
    </xf>
    <xf numFmtId="10" fontId="22" fillId="0" borderId="28" xfId="7" quotePrefix="1" applyNumberFormat="1" applyFont="1" applyBorder="1" applyAlignment="1">
      <alignment horizontal="right" vertical="center" wrapText="1"/>
    </xf>
    <xf numFmtId="10" fontId="22" fillId="0" borderId="29" xfId="7" quotePrefix="1" applyNumberFormat="1" applyFont="1" applyBorder="1" applyAlignment="1">
      <alignment horizontal="right" vertical="center" wrapText="1"/>
    </xf>
    <xf numFmtId="0" fontId="26" fillId="0" borderId="0" xfId="0" applyFont="1" applyAlignment="1">
      <alignment horizontal="center" vertical="center"/>
    </xf>
    <xf numFmtId="0" fontId="53" fillId="9" borderId="0" xfId="0" applyFont="1" applyFill="1" applyAlignment="1">
      <alignment vertical="center"/>
    </xf>
    <xf numFmtId="0" fontId="53" fillId="9" borderId="0" xfId="0" applyFont="1" applyFill="1" applyAlignment="1">
      <alignment horizontal="center" vertical="center"/>
    </xf>
    <xf numFmtId="0" fontId="22" fillId="0" borderId="0" xfId="48" applyFont="1">
      <alignment vertical="center"/>
    </xf>
    <xf numFmtId="0" fontId="39" fillId="7" borderId="0" xfId="15" applyFont="1" applyFill="1"/>
    <xf numFmtId="0" fontId="54" fillId="0" borderId="0" xfId="0" applyFont="1"/>
    <xf numFmtId="0" fontId="37" fillId="7" borderId="0" xfId="15" applyFont="1" applyFill="1"/>
    <xf numFmtId="3" fontId="55" fillId="8" borderId="69" xfId="5" applyFont="1" applyFill="1" applyBorder="1" applyAlignment="1">
      <alignment horizontal="right" vertical="center" indent="1"/>
      <protection locked="0"/>
    </xf>
    <xf numFmtId="3" fontId="43" fillId="0" borderId="69" xfId="5" applyFont="1" applyFill="1" applyBorder="1" applyAlignment="1">
      <alignment horizontal="right" vertical="center" indent="1"/>
      <protection locked="0"/>
    </xf>
    <xf numFmtId="0" fontId="54" fillId="0" borderId="69" xfId="3" quotePrefix="1" applyFont="1" applyBorder="1" applyAlignment="1">
      <alignment horizontal="center" vertical="center"/>
    </xf>
    <xf numFmtId="3" fontId="43" fillId="0" borderId="61" xfId="5" applyFont="1" applyFill="1" applyBorder="1" applyAlignment="1">
      <alignment horizontal="right" vertical="center" indent="1"/>
      <protection locked="0"/>
    </xf>
    <xf numFmtId="0" fontId="54" fillId="0" borderId="61" xfId="3" applyFont="1" applyBorder="1" applyAlignment="1">
      <alignment horizontal="left" vertical="center" wrapText="1" indent="3"/>
    </xf>
    <xf numFmtId="0" fontId="54" fillId="0" borderId="61" xfId="3" quotePrefix="1" applyFont="1" applyBorder="1" applyAlignment="1">
      <alignment horizontal="center" vertical="center"/>
    </xf>
    <xf numFmtId="0" fontId="54" fillId="0" borderId="61" xfId="3" applyFont="1" applyBorder="1" applyAlignment="1">
      <alignment horizontal="left" vertical="center" wrapText="1" indent="2"/>
    </xf>
    <xf numFmtId="3" fontId="43" fillId="8" borderId="62" xfId="5" applyFont="1" applyFill="1" applyBorder="1" applyAlignment="1">
      <alignment horizontal="right" vertical="center" indent="1"/>
      <protection locked="0"/>
    </xf>
    <xf numFmtId="3" fontId="56" fillId="0" borderId="62" xfId="5" applyFont="1" applyFill="1" applyBorder="1" applyAlignment="1">
      <alignment horizontal="right" vertical="center" indent="1"/>
      <protection locked="0"/>
    </xf>
    <xf numFmtId="3" fontId="56" fillId="8" borderId="62" xfId="5" applyFont="1" applyFill="1" applyBorder="1" applyAlignment="1">
      <alignment horizontal="right" vertical="center" indent="1"/>
      <protection locked="0"/>
    </xf>
    <xf numFmtId="0" fontId="28" fillId="0" borderId="0" xfId="3" quotePrefix="1" applyFont="1" applyAlignment="1">
      <alignment horizontal="center" vertical="center"/>
    </xf>
    <xf numFmtId="0" fontId="54" fillId="0" borderId="0" xfId="3" applyFont="1">
      <alignment vertical="center"/>
    </xf>
    <xf numFmtId="0" fontId="28" fillId="0" borderId="0" xfId="48" applyFont="1">
      <alignment vertical="center"/>
    </xf>
    <xf numFmtId="0" fontId="54" fillId="0" borderId="33" xfId="29" applyFont="1" applyFill="1" applyBorder="1" applyAlignment="1">
      <alignment horizontal="center" vertical="center" wrapText="1"/>
    </xf>
    <xf numFmtId="0" fontId="54" fillId="7" borderId="33" xfId="3" applyFont="1" applyFill="1" applyBorder="1" applyAlignment="1">
      <alignment horizontal="center" vertical="center" wrapText="1"/>
    </xf>
    <xf numFmtId="0" fontId="54" fillId="0" borderId="0" xfId="48" applyFont="1">
      <alignment vertical="center"/>
    </xf>
    <xf numFmtId="0" fontId="37" fillId="7" borderId="0" xfId="15" applyFont="1" applyFill="1" applyAlignment="1">
      <alignment horizontal="right"/>
    </xf>
    <xf numFmtId="0" fontId="41" fillId="0" borderId="0" xfId="4" applyFont="1" applyFill="1" applyBorder="1" applyAlignment="1">
      <alignment vertical="center"/>
    </xf>
    <xf numFmtId="0" fontId="51" fillId="0" borderId="0" xfId="4" applyFont="1" applyFill="1" applyBorder="1" applyAlignment="1">
      <alignment horizontal="left" vertical="center"/>
    </xf>
    <xf numFmtId="0" fontId="51" fillId="0" borderId="0" xfId="4" applyFont="1" applyFill="1" applyBorder="1" applyAlignment="1">
      <alignment vertical="center"/>
    </xf>
    <xf numFmtId="0" fontId="57" fillId="0" borderId="0" xfId="4" applyFont="1" applyFill="1" applyBorder="1" applyAlignment="1">
      <alignment horizontal="left" vertical="center"/>
    </xf>
    <xf numFmtId="0" fontId="32" fillId="0" borderId="0" xfId="3" applyFont="1">
      <alignment vertical="center"/>
    </xf>
    <xf numFmtId="0" fontId="58" fillId="0" borderId="0" xfId="1" applyFont="1" applyFill="1" applyBorder="1" applyAlignment="1">
      <alignment vertical="center"/>
    </xf>
    <xf numFmtId="0" fontId="25" fillId="0" borderId="0" xfId="4" applyFont="1" applyFill="1" applyBorder="1" applyAlignment="1">
      <alignment horizontal="left" vertical="center"/>
    </xf>
    <xf numFmtId="3" fontId="28" fillId="10" borderId="69" xfId="5" applyFont="1" applyFill="1" applyBorder="1" applyAlignment="1">
      <alignment horizontal="right" vertical="center" indent="1"/>
      <protection locked="0"/>
    </xf>
    <xf numFmtId="3" fontId="28" fillId="0" borderId="69" xfId="5" applyFont="1" applyFill="1" applyBorder="1" applyAlignment="1">
      <alignment horizontal="right" vertical="center" indent="1"/>
      <protection locked="0"/>
    </xf>
    <xf numFmtId="0" fontId="54" fillId="0" borderId="69" xfId="3" applyFont="1" applyBorder="1" applyAlignment="1">
      <alignment horizontal="left" vertical="center" wrapText="1" indent="1"/>
    </xf>
    <xf numFmtId="3" fontId="28" fillId="0" borderId="61" xfId="5" applyFont="1" applyFill="1" applyBorder="1" applyAlignment="1">
      <alignment horizontal="right" vertical="center" indent="1"/>
      <protection locked="0"/>
    </xf>
    <xf numFmtId="3" fontId="28" fillId="10" borderId="61" xfId="5" applyFont="1" applyFill="1" applyBorder="1" applyAlignment="1">
      <alignment horizontal="right" vertical="center" indent="1"/>
      <protection locked="0"/>
    </xf>
    <xf numFmtId="0" fontId="54" fillId="0" borderId="61" xfId="3" applyFont="1" applyBorder="1" applyAlignment="1">
      <alignment horizontal="left" vertical="center" wrapText="1" indent="1"/>
    </xf>
    <xf numFmtId="3" fontId="28" fillId="0" borderId="62" xfId="5" applyFont="1" applyFill="1" applyBorder="1" applyAlignment="1">
      <alignment horizontal="right" vertical="center" indent="1"/>
      <protection locked="0"/>
    </xf>
    <xf numFmtId="0" fontId="54" fillId="0" borderId="62" xfId="3" applyFont="1" applyBorder="1" applyAlignment="1">
      <alignment horizontal="left" vertical="center" wrapText="1" indent="1"/>
    </xf>
    <xf numFmtId="0" fontId="54" fillId="0" borderId="62" xfId="3" quotePrefix="1" applyFont="1" applyBorder="1" applyAlignment="1">
      <alignment horizontal="center" vertical="center"/>
    </xf>
    <xf numFmtId="0" fontId="54" fillId="0" borderId="0" xfId="48" applyFont="1" applyAlignment="1">
      <alignment horizontal="left" vertical="center" wrapText="1" indent="1"/>
    </xf>
    <xf numFmtId="3" fontId="59" fillId="0" borderId="0" xfId="5" applyFont="1" applyFill="1" applyBorder="1" applyAlignment="1">
      <alignment horizontal="center" vertical="center"/>
      <protection locked="0"/>
    </xf>
    <xf numFmtId="0" fontId="22" fillId="0" borderId="0" xfId="48" applyFont="1" applyAlignment="1">
      <alignment horizontal="center" vertical="center"/>
    </xf>
    <xf numFmtId="3" fontId="27" fillId="0" borderId="22" xfId="5" applyFont="1" applyFill="1" applyBorder="1" applyAlignment="1">
      <alignment horizontal="center" vertical="center"/>
      <protection locked="0"/>
    </xf>
    <xf numFmtId="0" fontId="28" fillId="0" borderId="22" xfId="3" applyFont="1" applyBorder="1" applyAlignment="1">
      <alignment horizontal="left" vertical="center" wrapText="1" indent="1"/>
    </xf>
    <xf numFmtId="0" fontId="28" fillId="0" borderId="22" xfId="3" quotePrefix="1" applyFont="1" applyBorder="1" applyAlignment="1">
      <alignment horizontal="center" vertical="center"/>
    </xf>
    <xf numFmtId="0" fontId="32" fillId="0" borderId="0" xfId="3" quotePrefix="1" applyFont="1" applyAlignment="1">
      <alignment horizontal="center" vertical="center"/>
    </xf>
    <xf numFmtId="0" fontId="51" fillId="0" borderId="0" xfId="4" applyFont="1" applyFill="1" applyBorder="1" applyAlignment="1">
      <alignment vertical="center" wrapText="1"/>
    </xf>
    <xf numFmtId="0" fontId="28" fillId="0" borderId="0" xfId="3" applyFont="1">
      <alignment vertical="center"/>
    </xf>
    <xf numFmtId="0" fontId="31" fillId="0" borderId="0" xfId="29" applyFont="1" applyFill="1" applyBorder="1" applyAlignment="1">
      <alignment horizontal="center" vertical="center" wrapText="1"/>
    </xf>
    <xf numFmtId="0" fontId="41" fillId="0" borderId="26" xfId="29" applyFont="1" applyFill="1" applyBorder="1" applyAlignment="1">
      <alignment horizontal="center" vertical="center" wrapText="1"/>
    </xf>
    <xf numFmtId="0" fontId="60" fillId="0" borderId="0" xfId="1" applyFont="1" applyFill="1" applyBorder="1" applyAlignment="1">
      <alignment horizontal="center" vertical="center"/>
    </xf>
    <xf numFmtId="0" fontId="58" fillId="0" borderId="0" xfId="1" applyFont="1" applyFill="1" applyBorder="1" applyAlignment="1">
      <alignment horizontal="center" vertical="center"/>
    </xf>
    <xf numFmtId="0" fontId="22" fillId="0" borderId="0" xfId="0" applyFont="1" applyAlignment="1">
      <alignment horizontal="center" vertical="center" wrapText="1"/>
    </xf>
    <xf numFmtId="0" fontId="28" fillId="7" borderId="0" xfId="0" applyFont="1" applyFill="1" applyAlignment="1">
      <alignment horizontal="center" vertical="center" wrapText="1"/>
    </xf>
    <xf numFmtId="0" fontId="59" fillId="0" borderId="0" xfId="0" applyFont="1"/>
    <xf numFmtId="0" fontId="2" fillId="0" borderId="0" xfId="0" applyFont="1"/>
    <xf numFmtId="0" fontId="28" fillId="0" borderId="0" xfId="0" applyFont="1" applyAlignment="1">
      <alignment vertical="center" wrapText="1"/>
    </xf>
    <xf numFmtId="0" fontId="27" fillId="0" borderId="0" xfId="0" applyFont="1"/>
    <xf numFmtId="0" fontId="39" fillId="0" borderId="32" xfId="0" applyFont="1" applyBorder="1" applyAlignment="1">
      <alignment horizontal="center" vertical="center" wrapText="1"/>
    </xf>
    <xf numFmtId="0" fontId="39" fillId="0" borderId="32" xfId="0" applyFont="1" applyBorder="1" applyAlignment="1">
      <alignment vertical="center" wrapText="1"/>
    </xf>
    <xf numFmtId="3" fontId="39" fillId="0" borderId="32" xfId="0" applyNumberFormat="1" applyFont="1" applyBorder="1" applyAlignment="1">
      <alignment vertical="center" wrapText="1"/>
    </xf>
    <xf numFmtId="3" fontId="39" fillId="11" borderId="32" xfId="0" applyNumberFormat="1" applyFont="1" applyFill="1" applyBorder="1" applyAlignment="1">
      <alignment vertical="center" wrapText="1"/>
    </xf>
    <xf numFmtId="0" fontId="39" fillId="0" borderId="20" xfId="0" applyFont="1" applyBorder="1" applyAlignment="1">
      <alignment horizontal="center" vertical="center" wrapText="1"/>
    </xf>
    <xf numFmtId="0" fontId="39" fillId="0" borderId="20" xfId="0" applyFont="1" applyBorder="1" applyAlignment="1">
      <alignment horizontal="left" vertical="center" wrapText="1"/>
    </xf>
    <xf numFmtId="3" fontId="39" fillId="0" borderId="25" xfId="0" applyNumberFormat="1" applyFont="1" applyBorder="1" applyAlignment="1">
      <alignment vertical="center" wrapText="1"/>
    </xf>
    <xf numFmtId="3" fontId="39" fillId="11" borderId="25" xfId="0" applyNumberFormat="1" applyFont="1" applyFill="1" applyBorder="1" applyAlignment="1">
      <alignment vertical="center" wrapText="1"/>
    </xf>
    <xf numFmtId="0" fontId="61" fillId="0" borderId="23" xfId="0" applyFont="1" applyBorder="1" applyAlignment="1">
      <alignment horizontal="center" vertical="center" wrapText="1"/>
    </xf>
    <xf numFmtId="0" fontId="61" fillId="0" borderId="23" xfId="0" applyFont="1" applyBorder="1" applyAlignment="1">
      <alignment horizontal="left" vertical="center" wrapText="1"/>
    </xf>
    <xf numFmtId="3" fontId="61" fillId="11" borderId="27" xfId="0" applyNumberFormat="1" applyFont="1" applyFill="1" applyBorder="1" applyAlignment="1">
      <alignment vertical="center" wrapText="1"/>
    </xf>
    <xf numFmtId="3" fontId="61" fillId="0" borderId="23" xfId="0" applyNumberFormat="1" applyFont="1" applyBorder="1" applyAlignment="1">
      <alignment vertical="center" wrapText="1"/>
    </xf>
    <xf numFmtId="0" fontId="26" fillId="0" borderId="0" xfId="0" applyFont="1" applyAlignment="1">
      <alignment vertical="center" wrapText="1"/>
    </xf>
    <xf numFmtId="0" fontId="2" fillId="7" borderId="0" xfId="0" applyFont="1" applyFill="1"/>
    <xf numFmtId="0" fontId="2" fillId="7" borderId="0" xfId="0" applyFont="1" applyFill="1" applyAlignment="1">
      <alignment horizontal="center"/>
    </xf>
    <xf numFmtId="0" fontId="2" fillId="0" borderId="0" xfId="0" applyFont="1" applyAlignment="1">
      <alignment horizontal="center"/>
    </xf>
    <xf numFmtId="0" fontId="2" fillId="7" borderId="0" xfId="0" applyFont="1" applyFill="1" applyAlignment="1">
      <alignment vertical="center"/>
    </xf>
    <xf numFmtId="0" fontId="2" fillId="7" borderId="26" xfId="0" applyFont="1" applyFill="1" applyBorder="1" applyAlignment="1">
      <alignment horizontal="center" vertical="center" wrapText="1"/>
    </xf>
    <xf numFmtId="0" fontId="2" fillId="0" borderId="26" xfId="0" applyFont="1" applyBorder="1" applyAlignment="1">
      <alignment horizontal="center" vertical="center" wrapText="1"/>
    </xf>
    <xf numFmtId="3" fontId="2" fillId="7" borderId="22" xfId="0" applyNumberFormat="1" applyFont="1" applyFill="1" applyBorder="1"/>
    <xf numFmtId="10" fontId="2" fillId="7" borderId="22" xfId="7" applyNumberFormat="1" applyFont="1" applyFill="1" applyBorder="1"/>
    <xf numFmtId="0" fontId="59" fillId="0" borderId="0" xfId="0" applyFont="1" applyAlignment="1">
      <alignment vertical="center"/>
    </xf>
    <xf numFmtId="49" fontId="32" fillId="0" borderId="0" xfId="0" applyNumberFormat="1" applyFont="1"/>
    <xf numFmtId="0" fontId="28" fillId="0" borderId="0" xfId="0" applyFont="1" applyAlignment="1">
      <alignment horizontal="center" vertical="center" wrapText="1"/>
    </xf>
    <xf numFmtId="3" fontId="37" fillId="0" borderId="0" xfId="0" applyNumberFormat="1" applyFont="1" applyAlignment="1">
      <alignment vertical="center" wrapText="1"/>
    </xf>
    <xf numFmtId="0" fontId="62" fillId="0" borderId="0" xfId="0" applyFont="1" applyAlignment="1">
      <alignment horizontal="center" vertical="center" wrapText="1"/>
    </xf>
    <xf numFmtId="0" fontId="26" fillId="0" borderId="0" xfId="0" applyFont="1" applyAlignment="1">
      <alignment horizontal="left" vertical="center"/>
    </xf>
    <xf numFmtId="0" fontId="64" fillId="0" borderId="0" xfId="0" applyFont="1" applyAlignment="1">
      <alignment horizontal="left" vertical="center"/>
    </xf>
    <xf numFmtId="0" fontId="22" fillId="0" borderId="0" xfId="0" applyFont="1"/>
    <xf numFmtId="0" fontId="31" fillId="0" borderId="0" xfId="0" applyFont="1" applyAlignment="1">
      <alignment horizontal="center" vertical="center" wrapText="1"/>
    </xf>
    <xf numFmtId="0" fontId="31" fillId="0" borderId="22" xfId="0" applyFont="1" applyBorder="1" applyAlignment="1">
      <alignment horizontal="center" vertical="center" wrapText="1"/>
    </xf>
    <xf numFmtId="3" fontId="39" fillId="0" borderId="0" xfId="0" applyNumberFormat="1" applyFont="1" applyAlignment="1">
      <alignment vertical="center" wrapText="1"/>
    </xf>
    <xf numFmtId="0" fontId="65" fillId="0" borderId="0" xfId="0" applyFont="1" applyAlignment="1">
      <alignment vertical="center"/>
    </xf>
    <xf numFmtId="0" fontId="32" fillId="0" borderId="0" xfId="0" applyFont="1" applyAlignment="1">
      <alignment vertical="center"/>
    </xf>
    <xf numFmtId="0" fontId="22" fillId="0" borderId="0" xfId="0" applyFont="1" applyAlignment="1">
      <alignment vertical="center" wrapText="1"/>
    </xf>
    <xf numFmtId="0" fontId="31" fillId="0" borderId="24" xfId="0" applyFont="1" applyBorder="1" applyAlignment="1">
      <alignment horizontal="center" vertical="center" wrapText="1"/>
    </xf>
    <xf numFmtId="0" fontId="31" fillId="7" borderId="22" xfId="0" applyFont="1" applyFill="1" applyBorder="1" applyAlignment="1">
      <alignment vertical="center"/>
    </xf>
    <xf numFmtId="0" fontId="39" fillId="7" borderId="32" xfId="0" applyFont="1" applyFill="1" applyBorder="1" applyAlignment="1">
      <alignment horizontal="center" vertical="center" wrapText="1"/>
    </xf>
    <xf numFmtId="0" fontId="39" fillId="7" borderId="32" xfId="0" applyFont="1" applyFill="1" applyBorder="1" applyAlignment="1">
      <alignment vertical="center" wrapText="1"/>
    </xf>
    <xf numFmtId="166" fontId="61" fillId="7" borderId="32" xfId="30" applyNumberFormat="1" applyFont="1" applyFill="1" applyBorder="1" applyAlignment="1">
      <alignment vertical="center" wrapText="1"/>
    </xf>
    <xf numFmtId="166" fontId="61" fillId="7" borderId="32" xfId="30" applyNumberFormat="1" applyFont="1" applyFill="1" applyBorder="1" applyAlignment="1">
      <alignment vertical="center"/>
    </xf>
    <xf numFmtId="0" fontId="39" fillId="0" borderId="20" xfId="0" applyFont="1" applyBorder="1" applyAlignment="1">
      <alignment horizontal="center" vertical="center"/>
    </xf>
    <xf numFmtId="166" fontId="39" fillId="7" borderId="20" xfId="30" applyNumberFormat="1" applyFont="1" applyFill="1" applyBorder="1" applyAlignment="1">
      <alignment vertical="center"/>
    </xf>
    <xf numFmtId="166" fontId="39" fillId="0" borderId="20" xfId="30" applyNumberFormat="1" applyFont="1" applyBorder="1" applyAlignment="1">
      <alignment vertical="center"/>
    </xf>
    <xf numFmtId="166" fontId="39" fillId="8" borderId="25" xfId="30" applyNumberFormat="1" applyFont="1" applyFill="1" applyBorder="1" applyAlignment="1">
      <alignment vertical="center" wrapText="1"/>
    </xf>
    <xf numFmtId="166" fontId="39" fillId="0" borderId="20" xfId="30" applyNumberFormat="1" applyFont="1" applyBorder="1" applyAlignment="1">
      <alignment vertical="center" wrapText="1"/>
    </xf>
    <xf numFmtId="0" fontId="39" fillId="7" borderId="20" xfId="0" applyFont="1" applyFill="1" applyBorder="1" applyAlignment="1">
      <alignment horizontal="center" vertical="center"/>
    </xf>
    <xf numFmtId="0" fontId="39" fillId="7" borderId="20" xfId="0" applyFont="1" applyFill="1" applyBorder="1" applyAlignment="1">
      <alignment vertical="center" wrapText="1"/>
    </xf>
    <xf numFmtId="166" fontId="39" fillId="8" borderId="0" xfId="30" applyNumberFormat="1" applyFont="1" applyFill="1" applyBorder="1" applyAlignment="1">
      <alignment vertical="center" wrapText="1"/>
    </xf>
    <xf numFmtId="166" fontId="61" fillId="7" borderId="20" xfId="30" applyNumberFormat="1" applyFont="1" applyFill="1" applyBorder="1" applyAlignment="1">
      <alignment vertical="center" wrapText="1"/>
    </xf>
    <xf numFmtId="0" fontId="39" fillId="0" borderId="20" xfId="0" applyFont="1" applyBorder="1" applyAlignment="1">
      <alignment horizontal="left" vertical="center" wrapText="1" indent="2"/>
    </xf>
    <xf numFmtId="166" fontId="39" fillId="8" borderId="41" xfId="30" applyNumberFormat="1" applyFont="1" applyFill="1" applyBorder="1" applyAlignment="1">
      <alignment vertical="center" wrapText="1"/>
    </xf>
    <xf numFmtId="166" fontId="61" fillId="7" borderId="20" xfId="30" applyNumberFormat="1" applyFont="1" applyFill="1" applyBorder="1" applyAlignment="1">
      <alignment horizontal="center" vertical="center" wrapText="1"/>
    </xf>
    <xf numFmtId="166" fontId="39" fillId="0" borderId="20" xfId="30" applyNumberFormat="1" applyFont="1" applyBorder="1" applyAlignment="1">
      <alignment horizontal="center" vertical="center" wrapText="1"/>
    </xf>
    <xf numFmtId="166" fontId="39" fillId="8" borderId="20" xfId="30" applyNumberFormat="1" applyFont="1" applyFill="1" applyBorder="1" applyAlignment="1">
      <alignment vertical="center" wrapText="1"/>
    </xf>
    <xf numFmtId="0" fontId="61" fillId="0" borderId="21" xfId="0" applyFont="1" applyBorder="1" applyAlignment="1">
      <alignment horizontal="center" vertical="center"/>
    </xf>
    <xf numFmtId="0" fontId="61" fillId="0" borderId="21" xfId="0" applyFont="1" applyBorder="1" applyAlignment="1">
      <alignment vertical="center" wrapText="1"/>
    </xf>
    <xf numFmtId="166" fontId="39" fillId="8" borderId="33" xfId="30" applyNumberFormat="1" applyFont="1" applyFill="1" applyBorder="1" applyAlignment="1">
      <alignment vertical="center"/>
    </xf>
    <xf numFmtId="166" fontId="39" fillId="8" borderId="21" xfId="30" applyNumberFormat="1" applyFont="1" applyFill="1" applyBorder="1" applyAlignment="1">
      <alignment vertical="center"/>
    </xf>
    <xf numFmtId="166" fontId="61" fillId="0" borderId="21" xfId="30" applyNumberFormat="1" applyFont="1" applyBorder="1" applyAlignment="1">
      <alignment vertical="center"/>
    </xf>
    <xf numFmtId="166" fontId="22" fillId="0" borderId="0" xfId="0" applyNumberFormat="1" applyFont="1"/>
    <xf numFmtId="0" fontId="61" fillId="7" borderId="22" xfId="0" applyFont="1" applyFill="1" applyBorder="1" applyAlignment="1">
      <alignment vertical="center"/>
    </xf>
    <xf numFmtId="0" fontId="39" fillId="7" borderId="32" xfId="0" applyFont="1" applyFill="1" applyBorder="1" applyAlignment="1">
      <alignment horizontal="center" vertical="center"/>
    </xf>
    <xf numFmtId="166" fontId="39" fillId="8" borderId="43" xfId="30" applyNumberFormat="1" applyFont="1" applyFill="1" applyBorder="1" applyAlignment="1">
      <alignment vertical="center" wrapText="1"/>
    </xf>
    <xf numFmtId="166" fontId="61" fillId="8" borderId="32" xfId="30" applyNumberFormat="1" applyFont="1" applyFill="1" applyBorder="1" applyAlignment="1">
      <alignment vertical="center" wrapText="1"/>
    </xf>
    <xf numFmtId="166" fontId="39" fillId="7" borderId="41" xfId="30" applyNumberFormat="1" applyFont="1" applyFill="1" applyBorder="1" applyAlignment="1">
      <alignment vertical="center" wrapText="1"/>
    </xf>
    <xf numFmtId="166" fontId="61" fillId="7" borderId="20" xfId="30" quotePrefix="1" applyNumberFormat="1" applyFont="1" applyFill="1" applyBorder="1" applyAlignment="1">
      <alignment vertical="center" wrapText="1"/>
    </xf>
    <xf numFmtId="166" fontId="39" fillId="7" borderId="20" xfId="30" applyNumberFormat="1" applyFont="1" applyFill="1" applyBorder="1" applyAlignment="1">
      <alignment vertical="center" wrapText="1"/>
    </xf>
    <xf numFmtId="9" fontId="61" fillId="7" borderId="22" xfId="7" applyFont="1" applyFill="1" applyBorder="1" applyAlignment="1">
      <alignment horizontal="right" vertical="center"/>
    </xf>
    <xf numFmtId="169" fontId="63" fillId="0" borderId="0" xfId="0" applyNumberFormat="1" applyFont="1"/>
    <xf numFmtId="3" fontId="26" fillId="0" borderId="0" xfId="0" applyNumberFormat="1" applyFont="1"/>
    <xf numFmtId="0" fontId="26" fillId="7" borderId="0" xfId="0" applyFont="1" applyFill="1"/>
    <xf numFmtId="3" fontId="32" fillId="0" borderId="0" xfId="0" applyNumberFormat="1" applyFont="1"/>
    <xf numFmtId="0" fontId="66" fillId="0" borderId="0" xfId="0" applyFont="1" applyAlignment="1">
      <alignment horizontal="center" vertical="center" wrapText="1"/>
    </xf>
    <xf numFmtId="0" fontId="32" fillId="6" borderId="0" xfId="0" applyFont="1" applyFill="1" applyAlignment="1">
      <alignment vertical="center" wrapText="1"/>
    </xf>
    <xf numFmtId="0" fontId="31" fillId="0" borderId="0" xfId="0" applyFont="1" applyAlignment="1">
      <alignment vertical="center"/>
    </xf>
    <xf numFmtId="0" fontId="22" fillId="0" borderId="0" xfId="0" applyFont="1" applyAlignment="1">
      <alignment horizontal="center" vertical="center"/>
    </xf>
    <xf numFmtId="0" fontId="39" fillId="0" borderId="0" xfId="0" applyFont="1"/>
    <xf numFmtId="0" fontId="39" fillId="6" borderId="0" xfId="0" applyFont="1" applyFill="1" applyAlignment="1">
      <alignment vertical="center" wrapText="1"/>
    </xf>
    <xf numFmtId="0" fontId="31" fillId="7" borderId="27" xfId="0" applyFont="1" applyFill="1" applyBorder="1" applyAlignment="1">
      <alignment horizontal="center" vertical="center" wrapText="1"/>
    </xf>
    <xf numFmtId="0" fontId="39" fillId="0" borderId="0" xfId="0" applyFont="1" applyAlignment="1">
      <alignment vertical="center"/>
    </xf>
    <xf numFmtId="0" fontId="39" fillId="6" borderId="0" xfId="0" applyFont="1" applyFill="1" applyAlignment="1">
      <alignment horizontal="center" vertical="center" wrapText="1"/>
    </xf>
    <xf numFmtId="3" fontId="39" fillId="6" borderId="0" xfId="0" applyNumberFormat="1" applyFont="1" applyFill="1" applyAlignment="1">
      <alignment vertical="center" wrapText="1"/>
    </xf>
    <xf numFmtId="0" fontId="39" fillId="6" borderId="32" xfId="0" applyFont="1" applyFill="1" applyBorder="1" applyAlignment="1">
      <alignment horizontal="center" vertical="center" wrapText="1"/>
    </xf>
    <xf numFmtId="0" fontId="39" fillId="6" borderId="32" xfId="0" applyFont="1" applyFill="1" applyBorder="1" applyAlignment="1">
      <alignment vertical="center" wrapText="1"/>
    </xf>
    <xf numFmtId="3" fontId="39" fillId="6" borderId="32" xfId="0" applyNumberFormat="1" applyFont="1" applyFill="1" applyBorder="1" applyAlignment="1">
      <alignment vertical="center" wrapText="1"/>
    </xf>
    <xf numFmtId="0" fontId="39" fillId="6" borderId="20" xfId="0" applyFont="1" applyFill="1" applyBorder="1" applyAlignment="1">
      <alignment horizontal="center" vertical="center" wrapText="1"/>
    </xf>
    <xf numFmtId="0" fontId="39" fillId="6" borderId="20" xfId="0" applyFont="1" applyFill="1" applyBorder="1" applyAlignment="1">
      <alignment horizontal="left" vertical="center" wrapText="1" indent="2"/>
    </xf>
    <xf numFmtId="3" fontId="39" fillId="6" borderId="20" xfId="0" applyNumberFormat="1" applyFont="1" applyFill="1" applyBorder="1" applyAlignment="1">
      <alignment vertical="center" wrapText="1"/>
    </xf>
    <xf numFmtId="0" fontId="39" fillId="6" borderId="20" xfId="0" applyFont="1" applyFill="1" applyBorder="1" applyAlignment="1">
      <alignment vertical="center" wrapText="1"/>
    </xf>
    <xf numFmtId="3" fontId="39" fillId="4" borderId="20" xfId="0" applyNumberFormat="1" applyFont="1" applyFill="1" applyBorder="1" applyAlignment="1">
      <alignment vertical="center" wrapText="1"/>
    </xf>
    <xf numFmtId="0" fontId="39" fillId="6" borderId="21" xfId="0" applyFont="1" applyFill="1" applyBorder="1" applyAlignment="1">
      <alignment horizontal="center" vertical="center" wrapText="1"/>
    </xf>
    <xf numFmtId="0" fontId="61" fillId="6" borderId="21" xfId="0" applyFont="1" applyFill="1" applyBorder="1" applyAlignment="1">
      <alignment vertical="center" wrapText="1"/>
    </xf>
    <xf numFmtId="3" fontId="39" fillId="6" borderId="21" xfId="0" applyNumberFormat="1" applyFont="1" applyFill="1" applyBorder="1" applyAlignment="1">
      <alignment vertical="center" wrapText="1"/>
    </xf>
    <xf numFmtId="3" fontId="39" fillId="4" borderId="32" xfId="0" applyNumberFormat="1" applyFont="1" applyFill="1" applyBorder="1" applyAlignment="1">
      <alignment vertical="center" wrapText="1"/>
    </xf>
    <xf numFmtId="3" fontId="39" fillId="7" borderId="20" xfId="0" applyNumberFormat="1" applyFont="1" applyFill="1" applyBorder="1" applyAlignment="1">
      <alignment vertical="center" wrapText="1"/>
    </xf>
    <xf numFmtId="0" fontId="39" fillId="0" borderId="43" xfId="0" applyFont="1" applyBorder="1" applyAlignment="1">
      <alignment horizontal="center" vertical="center"/>
    </xf>
    <xf numFmtId="0" fontId="39" fillId="0" borderId="43" xfId="0" applyFont="1" applyBorder="1" applyAlignment="1">
      <alignment vertical="center"/>
    </xf>
    <xf numFmtId="3" fontId="39" fillId="4" borderId="43" xfId="0" applyNumberFormat="1" applyFont="1" applyFill="1" applyBorder="1" applyAlignment="1">
      <alignment vertical="center"/>
    </xf>
    <xf numFmtId="0" fontId="39" fillId="0" borderId="0" xfId="0" applyFont="1" applyAlignment="1">
      <alignment horizontal="center" vertical="center"/>
    </xf>
    <xf numFmtId="3" fontId="39" fillId="0" borderId="0" xfId="0" applyNumberFormat="1" applyFont="1" applyAlignment="1">
      <alignment vertical="center"/>
    </xf>
    <xf numFmtId="0" fontId="39" fillId="0" borderId="27" xfId="0" applyFont="1" applyBorder="1" applyAlignment="1">
      <alignment horizontal="center" vertical="center"/>
    </xf>
    <xf numFmtId="0" fontId="61" fillId="0" borderId="27" xfId="0" applyFont="1" applyBorder="1" applyAlignment="1">
      <alignment vertical="center"/>
    </xf>
    <xf numFmtId="9" fontId="61" fillId="0" borderId="27" xfId="7" applyFont="1" applyFill="1" applyBorder="1" applyAlignment="1">
      <alignment horizontal="right" vertical="center"/>
    </xf>
    <xf numFmtId="0" fontId="29" fillId="0" borderId="0" xfId="0" applyFont="1" applyAlignment="1">
      <alignment vertical="center"/>
    </xf>
    <xf numFmtId="170" fontId="26" fillId="0" borderId="0" xfId="0" applyNumberFormat="1" applyFont="1"/>
    <xf numFmtId="0" fontId="68" fillId="0" borderId="0" xfId="0" applyFont="1"/>
    <xf numFmtId="0" fontId="22" fillId="0" borderId="0" xfId="0" applyFont="1" applyAlignment="1">
      <alignment horizontal="center"/>
    </xf>
    <xf numFmtId="0" fontId="28" fillId="0" borderId="0" xfId="0" applyFont="1" applyAlignment="1">
      <alignment vertical="center"/>
    </xf>
    <xf numFmtId="0" fontId="61" fillId="6" borderId="32" xfId="0" applyFont="1" applyFill="1" applyBorder="1" applyAlignment="1">
      <alignment vertical="center" wrapText="1"/>
    </xf>
    <xf numFmtId="166" fontId="61" fillId="0" borderId="32" xfId="30" quotePrefix="1" applyNumberFormat="1" applyFont="1" applyFill="1" applyBorder="1" applyAlignment="1">
      <alignment vertical="center" wrapText="1"/>
    </xf>
    <xf numFmtId="0" fontId="39" fillId="6" borderId="20" xfId="0" applyFont="1" applyFill="1" applyBorder="1" applyAlignment="1">
      <alignment horizontal="left" vertical="center" wrapText="1" indent="1"/>
    </xf>
    <xf numFmtId="166" fontId="39" fillId="0" borderId="20" xfId="30" quotePrefix="1" applyNumberFormat="1" applyFont="1" applyFill="1" applyBorder="1" applyAlignment="1">
      <alignment vertical="center"/>
    </xf>
    <xf numFmtId="166" fontId="39" fillId="0" borderId="20" xfId="30" quotePrefix="1" applyNumberFormat="1" applyFont="1" applyFill="1" applyBorder="1" applyAlignment="1">
      <alignment vertical="center" wrapText="1"/>
    </xf>
    <xf numFmtId="0" fontId="39" fillId="6" borderId="20" xfId="0" applyFont="1" applyFill="1" applyBorder="1" applyAlignment="1">
      <alignment horizontal="left" vertical="center" wrapText="1" indent="3"/>
    </xf>
    <xf numFmtId="166" fontId="39" fillId="0" borderId="20" xfId="30" quotePrefix="1" applyNumberFormat="1" applyFont="1" applyBorder="1" applyAlignment="1">
      <alignment vertical="center"/>
    </xf>
    <xf numFmtId="0" fontId="39" fillId="6" borderId="23" xfId="0" applyFont="1" applyFill="1" applyBorder="1" applyAlignment="1">
      <alignment vertical="center" wrapText="1"/>
    </xf>
    <xf numFmtId="0" fontId="39" fillId="6" borderId="23" xfId="0" applyFont="1" applyFill="1" applyBorder="1" applyAlignment="1">
      <alignment horizontal="left" vertical="center" wrapText="1" indent="3"/>
    </xf>
    <xf numFmtId="166" fontId="39" fillId="0" borderId="23" xfId="30" quotePrefix="1" applyNumberFormat="1" applyFont="1" applyBorder="1" applyAlignment="1">
      <alignment vertical="center"/>
    </xf>
    <xf numFmtId="17" fontId="31" fillId="0" borderId="18" xfId="0" applyNumberFormat="1" applyFont="1" applyBorder="1" applyAlignment="1">
      <alignment horizontal="center" vertical="center"/>
    </xf>
    <xf numFmtId="0" fontId="28" fillId="7" borderId="0" xfId="0" applyFont="1" applyFill="1"/>
    <xf numFmtId="3" fontId="39" fillId="7" borderId="32" xfId="30" quotePrefix="1" applyNumberFormat="1" applyFont="1" applyFill="1" applyBorder="1" applyAlignment="1">
      <alignment vertical="center"/>
    </xf>
    <xf numFmtId="3" fontId="39" fillId="7" borderId="32" xfId="30" applyNumberFormat="1" applyFont="1" applyFill="1" applyBorder="1" applyAlignment="1">
      <alignment vertical="center"/>
    </xf>
    <xf numFmtId="0" fontId="39" fillId="7" borderId="20" xfId="0" applyFont="1" applyFill="1" applyBorder="1" applyAlignment="1">
      <alignment horizontal="center" vertical="center" wrapText="1"/>
    </xf>
    <xf numFmtId="3" fontId="39" fillId="7" borderId="20" xfId="30" quotePrefix="1" applyNumberFormat="1" applyFont="1" applyFill="1" applyBorder="1" applyAlignment="1">
      <alignment vertical="center"/>
    </xf>
    <xf numFmtId="3" fontId="39" fillId="7" borderId="20" xfId="30" applyNumberFormat="1" applyFont="1" applyFill="1" applyBorder="1" applyAlignment="1">
      <alignment vertical="center"/>
    </xf>
    <xf numFmtId="0" fontId="39" fillId="7" borderId="20" xfId="8" applyFont="1" applyFill="1" applyBorder="1" applyAlignment="1">
      <alignment vertical="center" wrapText="1"/>
    </xf>
    <xf numFmtId="0" fontId="61" fillId="7" borderId="21" xfId="0" applyFont="1" applyFill="1" applyBorder="1" applyAlignment="1">
      <alignment horizontal="center" vertical="center"/>
    </xf>
    <xf numFmtId="0" fontId="61" fillId="7" borderId="21" xfId="0" quotePrefix="1" applyFont="1" applyFill="1" applyBorder="1" applyAlignment="1">
      <alignment vertical="center" wrapText="1"/>
    </xf>
    <xf numFmtId="3" fontId="39" fillId="7" borderId="21" xfId="30" quotePrefix="1" applyNumberFormat="1" applyFont="1" applyFill="1" applyBorder="1" applyAlignment="1">
      <alignment vertical="center" wrapText="1"/>
    </xf>
    <xf numFmtId="3" fontId="39" fillId="7" borderId="32" xfId="30" quotePrefix="1" applyNumberFormat="1" applyFont="1" applyFill="1" applyBorder="1" applyAlignment="1">
      <alignment vertical="center" wrapText="1"/>
    </xf>
    <xf numFmtId="0" fontId="39" fillId="7" borderId="20" xfId="0" applyFont="1" applyFill="1" applyBorder="1" applyAlignment="1">
      <alignment horizontal="justify" vertical="center"/>
    </xf>
    <xf numFmtId="3" fontId="39" fillId="7" borderId="20" xfId="30" quotePrefix="1" applyNumberFormat="1" applyFont="1" applyFill="1" applyBorder="1" applyAlignment="1">
      <alignment vertical="center" wrapText="1"/>
    </xf>
    <xf numFmtId="0" fontId="39" fillId="7" borderId="20" xfId="8" applyFont="1" applyFill="1" applyBorder="1" applyAlignment="1">
      <alignment horizontal="justify" vertical="center"/>
    </xf>
    <xf numFmtId="0" fontId="39" fillId="7" borderId="20" xfId="0" applyFont="1" applyFill="1" applyBorder="1" applyAlignment="1">
      <alignment horizontal="left" vertical="center" wrapText="1"/>
    </xf>
    <xf numFmtId="0" fontId="39" fillId="7" borderId="21" xfId="0" applyFont="1" applyFill="1" applyBorder="1" applyAlignment="1">
      <alignment horizontal="center" vertical="center"/>
    </xf>
    <xf numFmtId="0" fontId="61" fillId="7" borderId="21" xfId="0" applyFont="1" applyFill="1" applyBorder="1" applyAlignment="1">
      <alignment horizontal="justify" vertical="center"/>
    </xf>
    <xf numFmtId="3" fontId="39" fillId="7" borderId="21" xfId="8" quotePrefix="1" applyNumberFormat="1" applyFont="1" applyFill="1" applyBorder="1" applyAlignment="1">
      <alignment vertical="center" wrapText="1"/>
    </xf>
    <xf numFmtId="3" fontId="39" fillId="7" borderId="21" xfId="8" applyNumberFormat="1" applyFont="1" applyFill="1" applyBorder="1" applyAlignment="1">
      <alignment vertical="center"/>
    </xf>
    <xf numFmtId="0" fontId="39" fillId="7" borderId="20" xfId="0" applyFont="1" applyFill="1" applyBorder="1" applyAlignment="1">
      <alignment horizontal="justify" vertical="center" wrapText="1"/>
    </xf>
    <xf numFmtId="0" fontId="39" fillId="7" borderId="21" xfId="8" applyFont="1" applyFill="1" applyBorder="1" applyAlignment="1">
      <alignment horizontal="justify" vertical="center"/>
    </xf>
    <xf numFmtId="0" fontId="61" fillId="7" borderId="21" xfId="8" applyFont="1" applyFill="1" applyBorder="1" applyAlignment="1">
      <alignment horizontal="justify" vertical="center"/>
    </xf>
    <xf numFmtId="3" fontId="39" fillId="7" borderId="21" xfId="30" applyNumberFormat="1" applyFont="1" applyFill="1" applyBorder="1" applyAlignment="1">
      <alignment vertical="center"/>
    </xf>
    <xf numFmtId="0" fontId="39" fillId="7" borderId="6" xfId="0" applyFont="1" applyFill="1" applyBorder="1" applyAlignment="1">
      <alignment horizontal="center" vertical="center"/>
    </xf>
    <xf numFmtId="0" fontId="61" fillId="7" borderId="32" xfId="0" applyFont="1" applyFill="1" applyBorder="1" applyAlignment="1">
      <alignment vertical="center"/>
    </xf>
    <xf numFmtId="0" fontId="39" fillId="7" borderId="8" xfId="0" applyFont="1" applyFill="1" applyBorder="1" applyAlignment="1">
      <alignment horizontal="center" vertical="center"/>
    </xf>
    <xf numFmtId="0" fontId="39" fillId="7" borderId="32" xfId="0" applyFont="1" applyFill="1" applyBorder="1" applyAlignment="1">
      <alignment vertical="center"/>
    </xf>
    <xf numFmtId="10" fontId="39" fillId="7" borderId="32" xfId="7" quotePrefix="1" applyNumberFormat="1" applyFont="1" applyFill="1" applyBorder="1" applyAlignment="1">
      <alignment horizontal="right" vertical="center" wrapText="1"/>
    </xf>
    <xf numFmtId="10" fontId="39" fillId="7" borderId="20" xfId="7" quotePrefix="1" applyNumberFormat="1" applyFont="1" applyFill="1" applyBorder="1" applyAlignment="1">
      <alignment horizontal="right" vertical="center" wrapText="1"/>
    </xf>
    <xf numFmtId="10" fontId="39" fillId="7" borderId="20" xfId="7" quotePrefix="1" applyNumberFormat="1" applyFont="1" applyFill="1" applyBorder="1" applyAlignment="1">
      <alignment vertical="center" wrapText="1"/>
    </xf>
    <xf numFmtId="165" fontId="39" fillId="7" borderId="20" xfId="7" quotePrefix="1" applyNumberFormat="1" applyFont="1" applyFill="1" applyBorder="1" applyAlignment="1">
      <alignment vertical="center" wrapText="1"/>
    </xf>
    <xf numFmtId="10" fontId="39" fillId="7" borderId="20" xfId="7" applyNumberFormat="1" applyFont="1" applyFill="1" applyBorder="1" applyAlignment="1">
      <alignment vertical="center"/>
    </xf>
    <xf numFmtId="165" fontId="39" fillId="7" borderId="20" xfId="7" quotePrefix="1" applyNumberFormat="1" applyFont="1" applyFill="1" applyBorder="1" applyAlignment="1">
      <alignment vertical="center"/>
    </xf>
    <xf numFmtId="0" fontId="39" fillId="7" borderId="21" xfId="0" applyFont="1" applyFill="1" applyBorder="1" applyAlignment="1">
      <alignment horizontal="center" vertical="center" wrapText="1"/>
    </xf>
    <xf numFmtId="0" fontId="39" fillId="7" borderId="21" xfId="0" applyFont="1" applyFill="1" applyBorder="1" applyAlignment="1">
      <alignment vertical="center" wrapText="1"/>
    </xf>
    <xf numFmtId="165" fontId="39" fillId="7" borderId="21" xfId="0" quotePrefix="1" applyNumberFormat="1" applyFont="1" applyFill="1" applyBorder="1" applyAlignment="1">
      <alignment vertical="center"/>
    </xf>
    <xf numFmtId="10" fontId="39" fillId="7" borderId="21" xfId="0" quotePrefix="1" applyNumberFormat="1" applyFont="1" applyFill="1" applyBorder="1" applyAlignment="1">
      <alignment vertical="center"/>
    </xf>
    <xf numFmtId="0" fontId="39" fillId="7" borderId="0" xfId="0" applyFont="1" applyFill="1" applyAlignment="1">
      <alignment horizontal="center" vertical="center" wrapText="1"/>
    </xf>
    <xf numFmtId="0" fontId="39" fillId="7" borderId="0" xfId="0" applyFont="1" applyFill="1" applyAlignment="1">
      <alignment vertical="center" wrapText="1"/>
    </xf>
    <xf numFmtId="0" fontId="39" fillId="7" borderId="0" xfId="0" quotePrefix="1" applyFont="1" applyFill="1" applyAlignment="1">
      <alignment horizontal="center" vertical="center" wrapText="1"/>
    </xf>
    <xf numFmtId="0" fontId="39" fillId="7" borderId="44" xfId="0" applyFont="1" applyFill="1" applyBorder="1" applyAlignment="1">
      <alignment horizontal="center" vertical="center" wrapText="1"/>
    </xf>
    <xf numFmtId="0" fontId="39" fillId="7" borderId="44" xfId="0" applyFont="1" applyFill="1" applyBorder="1" applyAlignment="1">
      <alignment vertical="center" wrapText="1"/>
    </xf>
    <xf numFmtId="3" fontId="39" fillId="7" borderId="44" xfId="30" quotePrefix="1" applyNumberFormat="1" applyFont="1" applyFill="1" applyBorder="1" applyAlignment="1">
      <alignment vertical="center"/>
    </xf>
    <xf numFmtId="0" fontId="39" fillId="7" borderId="7" xfId="0" applyFont="1" applyFill="1" applyBorder="1" applyAlignment="1">
      <alignment horizontal="center" vertical="center" wrapText="1"/>
    </xf>
    <xf numFmtId="0" fontId="39" fillId="7" borderId="7" xfId="0" applyFont="1" applyFill="1" applyBorder="1" applyAlignment="1">
      <alignment vertical="center" wrapText="1"/>
    </xf>
    <xf numFmtId="3" fontId="39" fillId="7" borderId="7" xfId="30" quotePrefix="1" applyNumberFormat="1" applyFont="1" applyFill="1" applyBorder="1" applyAlignment="1">
      <alignment vertical="center" wrapText="1"/>
    </xf>
    <xf numFmtId="3" fontId="39" fillId="7" borderId="7" xfId="30" quotePrefix="1" applyNumberFormat="1" applyFont="1" applyFill="1" applyBorder="1" applyAlignment="1">
      <alignment vertical="center"/>
    </xf>
    <xf numFmtId="10" fontId="39" fillId="7" borderId="7" xfId="7" quotePrefix="1" applyNumberFormat="1" applyFont="1" applyFill="1" applyBorder="1" applyAlignment="1">
      <alignment horizontal="right" vertical="center" wrapText="1"/>
    </xf>
    <xf numFmtId="0" fontId="39" fillId="7" borderId="31" xfId="0" applyFont="1" applyFill="1" applyBorder="1" applyAlignment="1">
      <alignment horizontal="center" vertical="center" wrapText="1"/>
    </xf>
    <xf numFmtId="0" fontId="39" fillId="7" borderId="31" xfId="0" applyFont="1" applyFill="1" applyBorder="1" applyAlignment="1">
      <alignment vertical="center" wrapText="1"/>
    </xf>
    <xf numFmtId="10" fontId="39" fillId="7" borderId="31" xfId="7" quotePrefix="1" applyNumberFormat="1" applyFont="1" applyFill="1" applyBorder="1" applyAlignment="1">
      <alignment horizontal="right" vertical="center" wrapText="1"/>
    </xf>
    <xf numFmtId="0" fontId="26" fillId="0" borderId="0" xfId="0" applyFont="1" applyAlignment="1">
      <alignment horizontal="center"/>
    </xf>
    <xf numFmtId="0" fontId="69" fillId="0" borderId="0" xfId="0" applyFont="1" applyAlignment="1">
      <alignment vertical="center" wrapText="1"/>
    </xf>
    <xf numFmtId="0" fontId="31" fillId="0" borderId="0" xfId="0" applyFont="1" applyAlignment="1">
      <alignment horizontal="center" vertical="center"/>
    </xf>
    <xf numFmtId="0" fontId="31" fillId="0" borderId="22" xfId="0" applyFont="1" applyBorder="1" applyAlignment="1">
      <alignment horizontal="center" vertical="center"/>
    </xf>
    <xf numFmtId="3" fontId="39" fillId="0" borderId="32" xfId="30" applyNumberFormat="1" applyFont="1" applyFill="1" applyBorder="1" applyAlignment="1">
      <alignment vertical="center" wrapText="1"/>
    </xf>
    <xf numFmtId="0" fontId="39" fillId="0" borderId="20" xfId="0" applyFont="1" applyBorder="1" applyAlignment="1">
      <alignment vertical="center" wrapText="1"/>
    </xf>
    <xf numFmtId="3" fontId="39" fillId="0" borderId="20" xfId="30" applyNumberFormat="1" applyFont="1" applyFill="1" applyBorder="1" applyAlignment="1">
      <alignment vertical="center" wrapText="1"/>
    </xf>
    <xf numFmtId="3" fontId="39" fillId="0" borderId="20" xfId="30" quotePrefix="1" applyNumberFormat="1" applyFont="1" applyFill="1" applyBorder="1" applyAlignment="1">
      <alignment vertical="center" wrapText="1"/>
    </xf>
    <xf numFmtId="0" fontId="39" fillId="0" borderId="21" xfId="0" applyFont="1" applyBorder="1" applyAlignment="1">
      <alignment horizontal="center" vertical="center" wrapText="1"/>
    </xf>
    <xf numFmtId="0" fontId="39" fillId="0" borderId="21" xfId="0" applyFont="1" applyBorder="1" applyAlignment="1">
      <alignment vertical="center" wrapText="1"/>
    </xf>
    <xf numFmtId="3" fontId="39" fillId="0" borderId="21" xfId="30" applyNumberFormat="1" applyFont="1" applyFill="1" applyBorder="1" applyAlignment="1">
      <alignment vertical="center" wrapText="1"/>
    </xf>
    <xf numFmtId="0" fontId="61" fillId="0" borderId="22" xfId="0" applyFont="1" applyBorder="1" applyAlignment="1">
      <alignment horizontal="center" vertical="center" wrapText="1"/>
    </xf>
    <xf numFmtId="0" fontId="61" fillId="0" borderId="22" xfId="0" applyFont="1" applyBorder="1" applyAlignment="1">
      <alignment vertical="center" wrapText="1"/>
    </xf>
    <xf numFmtId="3" fontId="61" fillId="0" borderId="22" xfId="30" quotePrefix="1" applyNumberFormat="1" applyFont="1" applyFill="1" applyBorder="1" applyAlignment="1">
      <alignment vertical="center"/>
    </xf>
    <xf numFmtId="0" fontId="65" fillId="0" borderId="0" xfId="0" applyFont="1"/>
    <xf numFmtId="0" fontId="59" fillId="0" borderId="0" xfId="0" applyFont="1" applyAlignment="1">
      <alignment horizontal="center" vertical="center"/>
    </xf>
    <xf numFmtId="0" fontId="59" fillId="0" borderId="0" xfId="0" applyFont="1" applyAlignment="1">
      <alignment horizontal="center" vertical="center" wrapText="1"/>
    </xf>
    <xf numFmtId="0" fontId="31" fillId="7" borderId="24" xfId="0" applyFont="1" applyFill="1" applyBorder="1" applyAlignment="1">
      <alignment vertical="center"/>
    </xf>
    <xf numFmtId="0" fontId="59" fillId="0" borderId="0" xfId="0" applyFont="1" applyAlignment="1">
      <alignment vertical="center" wrapText="1"/>
    </xf>
    <xf numFmtId="49" fontId="39" fillId="0" borderId="32" xfId="0" applyNumberFormat="1" applyFont="1" applyBorder="1" applyAlignment="1">
      <alignment horizontal="center" vertical="center" wrapText="1"/>
    </xf>
    <xf numFmtId="49" fontId="39" fillId="5" borderId="32" xfId="0" applyNumberFormat="1" applyFont="1" applyFill="1" applyBorder="1" applyAlignment="1">
      <alignment vertical="center" wrapText="1"/>
    </xf>
    <xf numFmtId="49" fontId="39" fillId="0" borderId="20" xfId="0" applyNumberFormat="1" applyFont="1" applyBorder="1" applyAlignment="1">
      <alignment horizontal="center" vertical="center" wrapText="1"/>
    </xf>
    <xf numFmtId="3" fontId="39" fillId="0" borderId="20" xfId="0" applyNumberFormat="1" applyFont="1" applyBorder="1" applyAlignment="1">
      <alignment horizontal="center" vertical="center" wrapText="1"/>
    </xf>
    <xf numFmtId="3" fontId="39" fillId="0" borderId="20" xfId="0" quotePrefix="1" applyNumberFormat="1" applyFont="1" applyBorder="1" applyAlignment="1">
      <alignment horizontal="center" vertical="center" wrapText="1"/>
    </xf>
    <xf numFmtId="49" fontId="39" fillId="0" borderId="21" xfId="0" applyNumberFormat="1" applyFont="1" applyBorder="1" applyAlignment="1">
      <alignment horizontal="center" vertical="center" wrapText="1"/>
    </xf>
    <xf numFmtId="0" fontId="39" fillId="6" borderId="21" xfId="0" applyFont="1" applyFill="1" applyBorder="1" applyAlignment="1">
      <alignment horizontal="left" vertical="center" wrapText="1" indent="3"/>
    </xf>
    <xf numFmtId="3" fontId="39" fillId="0" borderId="21" xfId="0" applyNumberFormat="1" applyFont="1" applyBorder="1" applyAlignment="1">
      <alignment horizontal="center" vertical="center" wrapText="1"/>
    </xf>
    <xf numFmtId="49" fontId="61" fillId="0" borderId="22" xfId="0" applyNumberFormat="1" applyFont="1" applyBorder="1" applyAlignment="1">
      <alignment horizontal="center" vertical="center" wrapText="1"/>
    </xf>
    <xf numFmtId="3" fontId="61" fillId="0" borderId="22" xfId="0" quotePrefix="1" applyNumberFormat="1" applyFont="1" applyBorder="1" applyAlignment="1">
      <alignment horizontal="center" vertical="center"/>
    </xf>
    <xf numFmtId="0" fontId="31" fillId="0" borderId="27" xfId="0" applyFont="1" applyBorder="1" applyAlignment="1">
      <alignment horizontal="center" vertical="center" wrapText="1"/>
    </xf>
    <xf numFmtId="3" fontId="39" fillId="0" borderId="32" xfId="0" applyNumberFormat="1" applyFont="1" applyBorder="1" applyAlignment="1">
      <alignment horizontal="center" vertical="center" wrapText="1"/>
    </xf>
    <xf numFmtId="3" fontId="61" fillId="0" borderId="22" xfId="0" applyNumberFormat="1" applyFont="1" applyBorder="1" applyAlignment="1">
      <alignment horizontal="center" vertical="center" wrapText="1"/>
    </xf>
    <xf numFmtId="0" fontId="52" fillId="0" borderId="0" xfId="0" applyFont="1"/>
    <xf numFmtId="0" fontId="27" fillId="0" borderId="0" xfId="0" applyFont="1" applyAlignment="1">
      <alignment vertical="center" wrapText="1"/>
    </xf>
    <xf numFmtId="0" fontId="27" fillId="7" borderId="0" xfId="0" applyFont="1" applyFill="1" applyAlignment="1">
      <alignment horizontal="center" vertical="center" wrapText="1"/>
    </xf>
    <xf numFmtId="0" fontId="27" fillId="0" borderId="0" xfId="0" applyFont="1" applyAlignment="1">
      <alignment horizontal="center" vertical="center" wrapText="1"/>
    </xf>
    <xf numFmtId="0" fontId="27" fillId="7" borderId="0" xfId="0" applyFont="1" applyFill="1" applyAlignment="1">
      <alignment vertical="center" wrapText="1"/>
    </xf>
    <xf numFmtId="49" fontId="37" fillId="0" borderId="32" xfId="0" applyNumberFormat="1" applyFont="1" applyBorder="1" applyAlignment="1">
      <alignment horizontal="center" vertical="center" wrapText="1"/>
    </xf>
    <xf numFmtId="0" fontId="37" fillId="0" borderId="32" xfId="0" applyFont="1" applyBorder="1" applyAlignment="1">
      <alignment vertical="center" wrapText="1"/>
    </xf>
    <xf numFmtId="3" fontId="37" fillId="0" borderId="32" xfId="0" applyNumberFormat="1" applyFont="1" applyBorder="1" applyAlignment="1">
      <alignment vertical="center" wrapText="1"/>
    </xf>
    <xf numFmtId="0" fontId="37" fillId="0" borderId="0" xfId="0" applyFont="1"/>
    <xf numFmtId="49" fontId="37" fillId="6" borderId="20" xfId="0" applyNumberFormat="1" applyFont="1" applyFill="1" applyBorder="1" applyAlignment="1">
      <alignment horizontal="center" vertical="center" wrapText="1"/>
    </xf>
    <xf numFmtId="0" fontId="37" fillId="0" borderId="20" xfId="0" applyFont="1" applyBorder="1" applyAlignment="1">
      <alignment vertical="center" wrapText="1"/>
    </xf>
    <xf numFmtId="3" fontId="37" fillId="0" borderId="20" xfId="0" applyNumberFormat="1" applyFont="1" applyBorder="1" applyAlignment="1">
      <alignment vertical="center" wrapText="1"/>
    </xf>
    <xf numFmtId="3" fontId="37" fillId="0" borderId="20" xfId="0" quotePrefix="1" applyNumberFormat="1" applyFont="1" applyBorder="1" applyAlignment="1">
      <alignment vertical="center" wrapText="1"/>
    </xf>
    <xf numFmtId="49" fontId="37" fillId="0" borderId="20" xfId="0" applyNumberFormat="1" applyFont="1" applyBorder="1" applyAlignment="1">
      <alignment horizontal="center" vertical="center" wrapText="1"/>
    </xf>
    <xf numFmtId="3" fontId="37" fillId="7" borderId="20" xfId="0" applyNumberFormat="1" applyFont="1" applyFill="1" applyBorder="1" applyAlignment="1">
      <alignment vertical="center" wrapText="1"/>
    </xf>
    <xf numFmtId="49" fontId="37" fillId="6" borderId="21" xfId="0" applyNumberFormat="1" applyFont="1" applyFill="1" applyBorder="1" applyAlignment="1">
      <alignment horizontal="center" vertical="center" wrapText="1"/>
    </xf>
    <xf numFmtId="0" fontId="37" fillId="0" borderId="21" xfId="0" applyFont="1" applyBorder="1" applyAlignment="1">
      <alignment vertical="center" wrapText="1"/>
    </xf>
    <xf numFmtId="3" fontId="37" fillId="7" borderId="21" xfId="0" applyNumberFormat="1" applyFont="1" applyFill="1" applyBorder="1" applyAlignment="1">
      <alignment vertical="center" wrapText="1"/>
    </xf>
    <xf numFmtId="49" fontId="70" fillId="6" borderId="22" xfId="0" applyNumberFormat="1" applyFont="1" applyFill="1" applyBorder="1" applyAlignment="1">
      <alignment horizontal="center" vertical="center" wrapText="1"/>
    </xf>
    <xf numFmtId="0" fontId="70" fillId="0" borderId="22" xfId="0" applyFont="1" applyBorder="1" applyAlignment="1">
      <alignment vertical="center" wrapText="1"/>
    </xf>
    <xf numFmtId="3" fontId="70" fillId="7" borderId="22" xfId="0" applyNumberFormat="1" applyFont="1" applyFill="1" applyBorder="1" applyAlignment="1">
      <alignment vertical="center"/>
    </xf>
    <xf numFmtId="3" fontId="70" fillId="7" borderId="22" xfId="0" applyNumberFormat="1" applyFont="1" applyFill="1" applyBorder="1" applyAlignment="1">
      <alignment vertical="center" wrapText="1"/>
    </xf>
    <xf numFmtId="0" fontId="71" fillId="7" borderId="0" xfId="0" applyFont="1" applyFill="1" applyAlignment="1">
      <alignment horizontal="center" vertical="center" wrapText="1"/>
    </xf>
    <xf numFmtId="0" fontId="31" fillId="7" borderId="0" xfId="0" applyFont="1" applyFill="1" applyAlignment="1">
      <alignment vertical="center" wrapText="1"/>
    </xf>
    <xf numFmtId="0" fontId="71" fillId="0" borderId="33" xfId="0" applyFont="1" applyBorder="1" applyAlignment="1">
      <alignment horizontal="center" vertical="center" wrapText="1"/>
    </xf>
    <xf numFmtId="0" fontId="71" fillId="7" borderId="33" xfId="0" applyFont="1" applyFill="1" applyBorder="1" applyAlignment="1">
      <alignment horizontal="center" vertical="center" wrapText="1"/>
    </xf>
    <xf numFmtId="0" fontId="31" fillId="7" borderId="0" xfId="0" applyFont="1" applyFill="1" applyAlignment="1">
      <alignment horizontal="center" vertical="center" wrapText="1"/>
    </xf>
    <xf numFmtId="49" fontId="39" fillId="0" borderId="19" xfId="0" applyNumberFormat="1" applyFont="1" applyBorder="1" applyAlignment="1">
      <alignment horizontal="center" vertical="center" wrapText="1"/>
    </xf>
    <xf numFmtId="0" fontId="39" fillId="0" borderId="19" xfId="0" applyFont="1" applyBorder="1" applyAlignment="1">
      <alignment vertical="center" wrapText="1"/>
    </xf>
    <xf numFmtId="3" fontId="39" fillId="0" borderId="19" xfId="0" applyNumberFormat="1" applyFont="1" applyBorder="1" applyAlignment="1">
      <alignment vertical="center" wrapText="1"/>
    </xf>
    <xf numFmtId="3" fontId="39" fillId="7" borderId="19" xfId="0" applyNumberFormat="1" applyFont="1" applyFill="1" applyBorder="1" applyAlignment="1">
      <alignment vertical="center" wrapText="1"/>
    </xf>
    <xf numFmtId="3" fontId="39" fillId="0" borderId="20" xfId="0" applyNumberFormat="1" applyFont="1" applyBorder="1" applyAlignment="1">
      <alignment vertical="center" wrapText="1"/>
    </xf>
    <xf numFmtId="49" fontId="39" fillId="6" borderId="20" xfId="0" applyNumberFormat="1" applyFont="1" applyFill="1" applyBorder="1" applyAlignment="1">
      <alignment horizontal="center" vertical="center" wrapText="1"/>
    </xf>
    <xf numFmtId="0" fontId="39" fillId="6" borderId="20" xfId="0" applyFont="1" applyFill="1" applyBorder="1" applyAlignment="1">
      <alignment horizontal="left" vertical="center" wrapText="1"/>
    </xf>
    <xf numFmtId="3" fontId="39" fillId="0" borderId="21" xfId="0" applyNumberFormat="1" applyFont="1" applyBorder="1" applyAlignment="1">
      <alignment vertical="center" wrapText="1"/>
    </xf>
    <xf numFmtId="3" fontId="39" fillId="7" borderId="21" xfId="0" applyNumberFormat="1" applyFont="1" applyFill="1" applyBorder="1" applyAlignment="1">
      <alignment vertical="center" wrapText="1"/>
    </xf>
    <xf numFmtId="3" fontId="61" fillId="0" borderId="22" xfId="0" applyNumberFormat="1" applyFont="1" applyBorder="1" applyAlignment="1">
      <alignment vertical="center" wrapText="1"/>
    </xf>
    <xf numFmtId="0" fontId="61" fillId="0" borderId="0" xfId="0" applyFont="1"/>
    <xf numFmtId="0" fontId="72" fillId="0" borderId="0" xfId="0" applyFont="1"/>
    <xf numFmtId="0" fontId="28" fillId="0" borderId="0" xfId="0" applyFont="1" applyAlignment="1">
      <alignment horizontal="center"/>
    </xf>
    <xf numFmtId="0" fontId="27" fillId="0" borderId="0" xfId="0" applyFont="1" applyAlignment="1">
      <alignment horizontal="center" vertical="center"/>
    </xf>
    <xf numFmtId="0" fontId="27" fillId="0" borderId="0" xfId="0" applyFont="1" applyAlignment="1">
      <alignment vertical="center"/>
    </xf>
    <xf numFmtId="0" fontId="27" fillId="0" borderId="45" xfId="0" applyFont="1" applyBorder="1" applyAlignment="1">
      <alignment horizontal="center" vertical="center" wrapText="1"/>
    </xf>
    <xf numFmtId="0" fontId="27" fillId="0" borderId="34" xfId="0" applyFont="1" applyBorder="1" applyAlignment="1">
      <alignment horizontal="center" vertical="center" wrapText="1"/>
    </xf>
    <xf numFmtId="9" fontId="27" fillId="0" borderId="34" xfId="7" applyFont="1" applyFill="1" applyBorder="1" applyAlignment="1">
      <alignment horizontal="center" vertical="center" wrapText="1"/>
    </xf>
    <xf numFmtId="9" fontId="27" fillId="0" borderId="46" xfId="7" applyFont="1" applyFill="1" applyBorder="1" applyAlignment="1">
      <alignment horizontal="center" vertical="center" wrapText="1"/>
    </xf>
    <xf numFmtId="9" fontId="27" fillId="0" borderId="0" xfId="7" applyFont="1" applyFill="1" applyBorder="1" applyAlignment="1">
      <alignment horizontal="center" vertical="center" wrapText="1"/>
    </xf>
    <xf numFmtId="0" fontId="70" fillId="0" borderId="41" xfId="0" applyFont="1" applyBorder="1" applyAlignment="1">
      <alignment horizontal="center" vertical="center"/>
    </xf>
    <xf numFmtId="0" fontId="70" fillId="0" borderId="41" xfId="0" applyFont="1" applyBorder="1" applyAlignment="1">
      <alignment horizontal="left" vertical="center"/>
    </xf>
    <xf numFmtId="3" fontId="70" fillId="0" borderId="41" xfId="0" applyNumberFormat="1" applyFont="1" applyBorder="1" applyAlignment="1">
      <alignment horizontal="center" vertical="center" wrapText="1"/>
    </xf>
    <xf numFmtId="3" fontId="37" fillId="0" borderId="0" xfId="0" applyNumberFormat="1" applyFont="1" applyAlignment="1">
      <alignment horizontal="center" wrapText="1"/>
    </xf>
    <xf numFmtId="0" fontId="37" fillId="0" borderId="20" xfId="0" applyFont="1" applyBorder="1" applyAlignment="1">
      <alignment horizontal="center" vertical="center"/>
    </xf>
    <xf numFmtId="0" fontId="37" fillId="0" borderId="20" xfId="0" applyFont="1" applyBorder="1" applyAlignment="1">
      <alignment horizontal="left" vertical="center" wrapText="1"/>
    </xf>
    <xf numFmtId="3" fontId="37" fillId="0" borderId="20" xfId="0" applyNumberFormat="1" applyFont="1" applyBorder="1" applyAlignment="1">
      <alignment horizontal="center" vertical="center" wrapText="1"/>
    </xf>
    <xf numFmtId="0" fontId="37" fillId="0" borderId="20" xfId="0" applyFont="1" applyBorder="1" applyAlignment="1">
      <alignment vertical="center"/>
    </xf>
    <xf numFmtId="0" fontId="37" fillId="0" borderId="23" xfId="0" applyFont="1" applyBorder="1" applyAlignment="1">
      <alignment horizontal="center" vertical="center"/>
    </xf>
    <xf numFmtId="0" fontId="37" fillId="0" borderId="23" xfId="0" applyFont="1" applyBorder="1" applyAlignment="1">
      <alignment vertical="center"/>
    </xf>
    <xf numFmtId="3" fontId="37" fillId="0" borderId="23" xfId="0" applyNumberFormat="1" applyFont="1" applyBorder="1" applyAlignment="1">
      <alignment horizontal="center" vertical="center" wrapText="1"/>
    </xf>
    <xf numFmtId="0" fontId="72" fillId="0" borderId="0" xfId="0" applyFont="1" applyAlignment="1">
      <alignment horizontal="left"/>
    </xf>
    <xf numFmtId="0" fontId="73" fillId="0" borderId="0" xfId="0" applyFont="1"/>
    <xf numFmtId="0" fontId="31" fillId="0" borderId="74" xfId="0" applyFont="1" applyBorder="1" applyAlignment="1">
      <alignment horizontal="center" vertical="center" wrapText="1"/>
    </xf>
    <xf numFmtId="0" fontId="31" fillId="0" borderId="75" xfId="0" applyFont="1" applyBorder="1" applyAlignment="1">
      <alignment horizontal="center" vertical="center" wrapText="1"/>
    </xf>
    <xf numFmtId="9" fontId="31" fillId="0" borderId="75" xfId="7" applyFont="1" applyFill="1" applyBorder="1" applyAlignment="1">
      <alignment horizontal="center" vertical="center" wrapText="1"/>
    </xf>
    <xf numFmtId="9" fontId="31" fillId="0" borderId="73" xfId="7" applyFont="1" applyFill="1" applyBorder="1" applyAlignment="1">
      <alignment horizontal="center" vertical="center" wrapText="1"/>
    </xf>
    <xf numFmtId="9" fontId="31" fillId="0" borderId="0" xfId="7" applyFont="1" applyFill="1" applyBorder="1" applyAlignment="1">
      <alignment horizontal="center" vertical="center" wrapText="1"/>
    </xf>
    <xf numFmtId="0" fontId="70" fillId="0" borderId="32" xfId="0" applyFont="1" applyBorder="1" applyAlignment="1">
      <alignment horizontal="center" vertical="center"/>
    </xf>
    <xf numFmtId="0" fontId="70" fillId="0" borderId="32" xfId="0" applyFont="1" applyBorder="1" applyAlignment="1">
      <alignment horizontal="left" vertical="center"/>
    </xf>
    <xf numFmtId="3" fontId="70" fillId="0" borderId="32" xfId="0" applyNumberFormat="1" applyFont="1" applyBorder="1" applyAlignment="1">
      <alignment horizontal="center" vertical="center" wrapText="1"/>
    </xf>
    <xf numFmtId="3" fontId="70" fillId="0" borderId="23" xfId="0" applyNumberFormat="1" applyFont="1" applyBorder="1" applyAlignment="1">
      <alignment horizontal="center" vertical="center" wrapText="1"/>
    </xf>
    <xf numFmtId="0" fontId="43" fillId="0" borderId="0" xfId="0" applyFont="1"/>
    <xf numFmtId="0" fontId="26" fillId="0" borderId="0" xfId="0" applyFont="1" applyAlignment="1">
      <alignment horizontal="left"/>
    </xf>
    <xf numFmtId="0" fontId="27" fillId="0" borderId="0" xfId="0" applyFont="1" applyAlignment="1">
      <alignment horizontal="center"/>
    </xf>
    <xf numFmtId="0" fontId="27" fillId="0" borderId="27" xfId="0" applyFont="1" applyBorder="1" applyAlignment="1">
      <alignment horizontal="center"/>
    </xf>
    <xf numFmtId="3" fontId="37" fillId="0" borderId="32" xfId="0" applyNumberFormat="1" applyFont="1" applyBorder="1" applyAlignment="1">
      <alignment horizontal="center" vertical="center" wrapText="1"/>
    </xf>
    <xf numFmtId="0" fontId="37" fillId="0" borderId="0" xfId="0" applyFont="1" applyAlignment="1">
      <alignment horizontal="center" wrapText="1"/>
    </xf>
    <xf numFmtId="3" fontId="70" fillId="0" borderId="20" xfId="0" applyNumberFormat="1" applyFont="1" applyBorder="1" applyAlignment="1">
      <alignment horizontal="center" vertical="center" wrapText="1"/>
    </xf>
    <xf numFmtId="0" fontId="31" fillId="0" borderId="0" xfId="0" applyFont="1"/>
    <xf numFmtId="0" fontId="22" fillId="0" borderId="27" xfId="0" applyFont="1" applyBorder="1" applyAlignment="1">
      <alignment horizontal="center" vertical="center" wrapText="1"/>
    </xf>
    <xf numFmtId="9" fontId="39" fillId="0" borderId="32" xfId="0" applyNumberFormat="1" applyFont="1" applyBorder="1" applyAlignment="1">
      <alignment horizontal="center" vertical="center" wrapText="1"/>
    </xf>
    <xf numFmtId="9" fontId="39" fillId="0" borderId="20" xfId="0" applyNumberFormat="1" applyFont="1" applyBorder="1" applyAlignment="1">
      <alignment horizontal="center" vertical="center" wrapText="1"/>
    </xf>
    <xf numFmtId="9" fontId="39" fillId="0" borderId="21" xfId="0" applyNumberFormat="1" applyFont="1" applyBorder="1" applyAlignment="1">
      <alignment horizontal="center" vertical="center" wrapText="1"/>
    </xf>
    <xf numFmtId="0" fontId="39" fillId="0" borderId="24" xfId="0" applyFont="1" applyBorder="1" applyAlignment="1">
      <alignment vertical="center" wrapText="1"/>
    </xf>
    <xf numFmtId="3" fontId="61" fillId="0" borderId="24" xfId="0" applyNumberFormat="1" applyFont="1" applyBorder="1" applyAlignment="1">
      <alignment horizontal="center" vertical="center" wrapText="1"/>
    </xf>
    <xf numFmtId="0" fontId="61" fillId="0" borderId="24" xfId="0" applyFont="1" applyBorder="1" applyAlignment="1">
      <alignment vertical="center" wrapText="1"/>
    </xf>
    <xf numFmtId="0" fontId="39" fillId="0" borderId="27" xfId="0" applyFont="1" applyBorder="1" applyAlignment="1">
      <alignment vertical="center" wrapText="1"/>
    </xf>
    <xf numFmtId="3" fontId="61" fillId="0" borderId="27" xfId="0" applyNumberFormat="1" applyFont="1" applyBorder="1" applyAlignment="1">
      <alignment horizontal="center" vertical="center" wrapText="1"/>
    </xf>
    <xf numFmtId="0" fontId="61" fillId="0" borderId="27" xfId="0" applyFont="1" applyBorder="1" applyAlignment="1">
      <alignment vertical="center" wrapText="1"/>
    </xf>
    <xf numFmtId="0" fontId="59" fillId="0" borderId="32" xfId="0" applyFont="1" applyBorder="1" applyAlignment="1">
      <alignment vertical="center" wrapText="1"/>
    </xf>
    <xf numFmtId="0" fontId="59" fillId="0" borderId="20" xfId="0" applyFont="1" applyBorder="1" applyAlignment="1">
      <alignment vertical="center" wrapText="1"/>
    </xf>
    <xf numFmtId="0" fontId="71" fillId="0" borderId="22" xfId="0" applyFont="1" applyBorder="1" applyAlignment="1">
      <alignment vertical="center" wrapText="1"/>
    </xf>
    <xf numFmtId="0" fontId="74" fillId="0" borderId="0" xfId="0" applyFont="1" applyAlignment="1">
      <alignment wrapText="1"/>
    </xf>
    <xf numFmtId="0" fontId="39" fillId="0" borderId="0" xfId="9" applyFont="1"/>
    <xf numFmtId="0" fontId="24" fillId="0" borderId="0" xfId="0" applyFont="1"/>
    <xf numFmtId="0" fontId="22" fillId="0" borderId="27" xfId="0" applyFont="1" applyBorder="1" applyAlignment="1">
      <alignment horizontal="center" vertical="center"/>
    </xf>
    <xf numFmtId="0" fontId="61" fillId="0" borderId="0" xfId="0" applyFont="1" applyAlignment="1">
      <alignment horizontal="center" vertical="center"/>
    </xf>
    <xf numFmtId="0" fontId="61" fillId="0" borderId="0" xfId="0" applyFont="1" applyAlignment="1">
      <alignment vertical="center"/>
    </xf>
    <xf numFmtId="3" fontId="61" fillId="7" borderId="0" xfId="0" applyNumberFormat="1" applyFont="1" applyFill="1" applyAlignment="1">
      <alignment horizontal="center" vertical="center" wrapText="1"/>
    </xf>
    <xf numFmtId="0" fontId="39" fillId="0" borderId="20" xfId="0" applyFont="1" applyBorder="1" applyAlignment="1">
      <alignment vertical="center"/>
    </xf>
    <xf numFmtId="3" fontId="39" fillId="7" borderId="20" xfId="0" applyNumberFormat="1" applyFont="1" applyFill="1" applyBorder="1" applyAlignment="1">
      <alignment horizontal="center" vertical="center" wrapText="1"/>
    </xf>
    <xf numFmtId="0" fontId="39" fillId="0" borderId="25" xfId="0" applyFont="1" applyBorder="1" applyAlignment="1">
      <alignment horizontal="center" vertical="center"/>
    </xf>
    <xf numFmtId="0" fontId="39" fillId="0" borderId="25" xfId="0" applyFont="1" applyBorder="1" applyAlignment="1">
      <alignment vertical="center"/>
    </xf>
    <xf numFmtId="3" fontId="39" fillId="7" borderId="25" xfId="0" applyNumberFormat="1" applyFont="1" applyFill="1" applyBorder="1" applyAlignment="1">
      <alignment horizontal="center" vertical="center" wrapText="1"/>
    </xf>
    <xf numFmtId="0" fontId="61" fillId="0" borderId="9" xfId="0" applyFont="1" applyBorder="1" applyAlignment="1">
      <alignment horizontal="center" vertical="center"/>
    </xf>
    <xf numFmtId="0" fontId="61" fillId="0" borderId="22" xfId="0" applyFont="1" applyBorder="1" applyAlignment="1">
      <alignment vertical="center"/>
    </xf>
    <xf numFmtId="3" fontId="31" fillId="7" borderId="22" xfId="0" applyNumberFormat="1" applyFont="1" applyFill="1" applyBorder="1" applyAlignment="1">
      <alignment horizontal="center" vertical="center" wrapText="1"/>
    </xf>
    <xf numFmtId="0" fontId="32" fillId="0" borderId="0" xfId="0" quotePrefix="1" applyFont="1" applyAlignment="1">
      <alignment horizontal="left" vertical="center" indent="5"/>
    </xf>
    <xf numFmtId="0" fontId="59" fillId="7" borderId="24" xfId="0" applyFont="1" applyFill="1" applyBorder="1" applyAlignment="1">
      <alignment horizontal="center" vertical="center" wrapText="1"/>
    </xf>
    <xf numFmtId="0" fontId="71" fillId="0" borderId="0" xfId="0" applyFont="1"/>
    <xf numFmtId="0" fontId="62" fillId="0" borderId="0" xfId="0" applyFont="1" applyAlignment="1">
      <alignment horizontal="center" vertical="center"/>
    </xf>
    <xf numFmtId="3" fontId="39" fillId="7" borderId="32" xfId="0" applyNumberFormat="1" applyFont="1" applyFill="1" applyBorder="1" applyAlignment="1">
      <alignment horizontal="center" vertical="center" wrapText="1"/>
    </xf>
    <xf numFmtId="0" fontId="39" fillId="0" borderId="0" xfId="0" applyFont="1" applyAlignment="1">
      <alignment horizontal="center" vertical="center" wrapText="1"/>
    </xf>
    <xf numFmtId="3" fontId="62" fillId="0" borderId="0" xfId="7" applyNumberFormat="1" applyFont="1" applyAlignment="1">
      <alignment horizontal="center" vertical="center"/>
    </xf>
    <xf numFmtId="0" fontId="39" fillId="7" borderId="20" xfId="0" applyFont="1" applyFill="1" applyBorder="1" applyAlignment="1">
      <alignment horizontal="left" vertical="center" wrapText="1" indent="3"/>
    </xf>
    <xf numFmtId="3" fontId="61" fillId="0" borderId="0" xfId="0" applyNumberFormat="1" applyFont="1" applyAlignment="1">
      <alignment horizontal="center" vertical="center" wrapText="1"/>
    </xf>
    <xf numFmtId="3" fontId="39" fillId="7" borderId="0" xfId="0" applyNumberFormat="1" applyFont="1" applyFill="1" applyAlignment="1">
      <alignment horizontal="center" vertical="center" wrapText="1"/>
    </xf>
    <xf numFmtId="0" fontId="75" fillId="7" borderId="20" xfId="0" applyFont="1" applyFill="1" applyBorder="1" applyAlignment="1">
      <alignment horizontal="center" vertical="center" wrapText="1"/>
    </xf>
    <xf numFmtId="0" fontId="61" fillId="7" borderId="20" xfId="0" applyFont="1" applyFill="1" applyBorder="1" applyAlignment="1">
      <alignment horizontal="left" vertical="center" wrapText="1"/>
    </xf>
    <xf numFmtId="3" fontId="61" fillId="7" borderId="20" xfId="0" applyNumberFormat="1" applyFont="1" applyFill="1" applyBorder="1" applyAlignment="1">
      <alignment horizontal="center" vertical="center" wrapText="1"/>
    </xf>
    <xf numFmtId="0" fontId="75" fillId="7" borderId="25" xfId="0" applyFont="1" applyFill="1" applyBorder="1" applyAlignment="1">
      <alignment horizontal="center" vertical="center" wrapText="1"/>
    </xf>
    <xf numFmtId="0" fontId="61" fillId="7" borderId="25" xfId="0" applyFont="1" applyFill="1" applyBorder="1" applyAlignment="1">
      <alignment horizontal="left" vertical="center" wrapText="1"/>
    </xf>
    <xf numFmtId="3" fontId="61" fillId="7" borderId="25" xfId="0" applyNumberFormat="1" applyFont="1" applyFill="1" applyBorder="1" applyAlignment="1">
      <alignment horizontal="center" vertical="center" wrapText="1"/>
    </xf>
    <xf numFmtId="0" fontId="61" fillId="7" borderId="22" xfId="0" applyFont="1" applyFill="1" applyBorder="1" applyAlignment="1">
      <alignment horizontal="center" vertical="center" wrapText="1"/>
    </xf>
    <xf numFmtId="0" fontId="61" fillId="7" borderId="22" xfId="0" applyFont="1" applyFill="1" applyBorder="1" applyAlignment="1">
      <alignment horizontal="left" vertical="center" wrapText="1"/>
    </xf>
    <xf numFmtId="0" fontId="39" fillId="0" borderId="32" xfId="0" applyFont="1" applyBorder="1" applyAlignment="1">
      <alignment horizontal="center" vertical="center"/>
    </xf>
    <xf numFmtId="0" fontId="39" fillId="0" borderId="20" xfId="0" applyFont="1" applyBorder="1" applyAlignment="1">
      <alignment horizontal="left" vertical="center" wrapText="1" indent="3"/>
    </xf>
    <xf numFmtId="10" fontId="39" fillId="0" borderId="20" xfId="0" applyNumberFormat="1" applyFont="1" applyBorder="1" applyAlignment="1">
      <alignment horizontal="center" vertical="center" wrapText="1"/>
    </xf>
    <xf numFmtId="3" fontId="31" fillId="0" borderId="22" xfId="0" applyNumberFormat="1" applyFont="1" applyBorder="1" applyAlignment="1">
      <alignment horizontal="center" vertical="center" wrapText="1"/>
    </xf>
    <xf numFmtId="0" fontId="76" fillId="0" borderId="0" xfId="0" applyFont="1"/>
    <xf numFmtId="0" fontId="77" fillId="0" borderId="0" xfId="0" applyFont="1" applyAlignment="1">
      <alignment vertical="center" wrapText="1"/>
    </xf>
    <xf numFmtId="0" fontId="77" fillId="0" borderId="0" xfId="0" applyFont="1" applyAlignment="1">
      <alignment horizontal="center" vertical="center" wrapText="1"/>
    </xf>
    <xf numFmtId="0" fontId="62" fillId="0" borderId="0" xfId="0" applyFont="1"/>
    <xf numFmtId="0" fontId="61" fillId="7" borderId="23" xfId="0" applyFont="1" applyFill="1" applyBorder="1" applyAlignment="1">
      <alignment horizontal="center" vertical="center" wrapText="1"/>
    </xf>
    <xf numFmtId="0" fontId="61" fillId="7" borderId="23" xfId="0" applyFont="1" applyFill="1" applyBorder="1" applyAlignment="1">
      <alignment horizontal="left" vertical="center" wrapText="1"/>
    </xf>
    <xf numFmtId="3" fontId="61" fillId="0" borderId="23" xfId="0" applyNumberFormat="1" applyFont="1" applyBorder="1" applyAlignment="1">
      <alignment horizontal="center" vertical="center" wrapText="1"/>
    </xf>
    <xf numFmtId="9" fontId="31" fillId="0" borderId="0" xfId="0" applyNumberFormat="1" applyFont="1" applyAlignment="1">
      <alignment horizontal="center" vertical="center" wrapText="1"/>
    </xf>
    <xf numFmtId="0" fontId="31" fillId="0" borderId="0" xfId="0" applyFont="1" applyAlignment="1">
      <alignment vertical="center" wrapText="1"/>
    </xf>
    <xf numFmtId="3" fontId="39" fillId="0" borderId="0" xfId="0" applyNumberFormat="1" applyFont="1" applyAlignment="1">
      <alignment horizontal="center" vertical="center" wrapText="1"/>
    </xf>
    <xf numFmtId="0" fontId="31" fillId="0" borderId="22" xfId="0" applyFont="1" applyBorder="1" applyAlignment="1">
      <alignment vertical="center" wrapText="1"/>
    </xf>
    <xf numFmtId="10" fontId="39" fillId="7" borderId="32" xfId="0" applyNumberFormat="1" applyFont="1" applyFill="1" applyBorder="1" applyAlignment="1">
      <alignment horizontal="center" vertical="center" wrapText="1"/>
    </xf>
    <xf numFmtId="10" fontId="39" fillId="7" borderId="20" xfId="0" applyNumberFormat="1" applyFont="1" applyFill="1" applyBorder="1" applyAlignment="1">
      <alignment horizontal="center" vertical="center" wrapText="1"/>
    </xf>
    <xf numFmtId="49" fontId="2" fillId="0" borderId="0" xfId="41" applyNumberFormat="1" applyFont="1" applyAlignment="1">
      <alignment horizontal="center" vertical="center"/>
    </xf>
    <xf numFmtId="0" fontId="2" fillId="0" borderId="0" xfId="41" applyFont="1"/>
    <xf numFmtId="0" fontId="2" fillId="0" borderId="42" xfId="41" applyFont="1" applyBorder="1" applyAlignment="1">
      <alignment horizontal="center" vertical="center"/>
    </xf>
    <xf numFmtId="0" fontId="2" fillId="0" borderId="28" xfId="41" applyFont="1" applyBorder="1" applyAlignment="1">
      <alignment horizontal="center" vertical="center"/>
    </xf>
    <xf numFmtId="0" fontId="2" fillId="0" borderId="29" xfId="41" applyFont="1" applyBorder="1" applyAlignment="1">
      <alignment horizontal="center" vertical="center"/>
    </xf>
    <xf numFmtId="3" fontId="2" fillId="0" borderId="42" xfId="41" quotePrefix="1" applyNumberFormat="1" applyFont="1" applyBorder="1" applyAlignment="1">
      <alignment horizontal="right" vertical="center" wrapText="1"/>
    </xf>
    <xf numFmtId="0" fontId="2" fillId="5" borderId="43" xfId="41" quotePrefix="1" applyFont="1" applyFill="1" applyBorder="1" applyAlignment="1">
      <alignment horizontal="center" vertical="center" wrapText="1"/>
    </xf>
    <xf numFmtId="3" fontId="2" fillId="0" borderId="28" xfId="41" quotePrefix="1" applyNumberFormat="1" applyFont="1" applyBorder="1" applyAlignment="1">
      <alignment horizontal="right" vertical="center" wrapText="1"/>
    </xf>
    <xf numFmtId="0" fontId="2" fillId="5" borderId="0" xfId="41" quotePrefix="1" applyFont="1" applyFill="1" applyAlignment="1">
      <alignment horizontal="center" vertical="center" wrapText="1"/>
    </xf>
    <xf numFmtId="3" fontId="2" fillId="0" borderId="29" xfId="41" quotePrefix="1" applyNumberFormat="1" applyFont="1" applyBorder="1" applyAlignment="1">
      <alignment horizontal="right" vertical="center" wrapText="1"/>
    </xf>
    <xf numFmtId="0" fontId="2" fillId="5" borderId="27" xfId="41" applyFont="1" applyFill="1" applyBorder="1" applyAlignment="1">
      <alignment horizontal="center" vertical="center" wrapText="1"/>
    </xf>
    <xf numFmtId="0" fontId="2" fillId="5" borderId="27" xfId="41" quotePrefix="1" applyFont="1" applyFill="1" applyBorder="1" applyAlignment="1">
      <alignment horizontal="center" vertical="center" wrapText="1"/>
    </xf>
    <xf numFmtId="0" fontId="76" fillId="7" borderId="0" xfId="0" applyFont="1" applyFill="1"/>
    <xf numFmtId="0" fontId="31" fillId="7" borderId="24" xfId="0" applyFont="1" applyFill="1" applyBorder="1" applyAlignment="1">
      <alignment horizontal="center" vertical="center" wrapText="1"/>
    </xf>
    <xf numFmtId="0" fontId="31" fillId="7" borderId="24" xfId="0" applyFont="1" applyFill="1" applyBorder="1" applyAlignment="1">
      <alignment vertical="center" wrapText="1"/>
    </xf>
    <xf numFmtId="0" fontId="31" fillId="7" borderId="18" xfId="0" applyFont="1" applyFill="1" applyBorder="1" applyAlignment="1">
      <alignment horizontal="center" vertical="center" wrapText="1"/>
    </xf>
    <xf numFmtId="0" fontId="59" fillId="0" borderId="32" xfId="0" applyFont="1" applyBorder="1" applyAlignment="1">
      <alignment horizontal="center" vertical="center" wrapText="1"/>
    </xf>
    <xf numFmtId="0" fontId="59" fillId="0" borderId="20" xfId="0" applyFont="1" applyBorder="1" applyAlignment="1">
      <alignment horizontal="center" vertical="center" wrapText="1"/>
    </xf>
    <xf numFmtId="3" fontId="39" fillId="5" borderId="20" xfId="0" applyNumberFormat="1" applyFont="1" applyFill="1" applyBorder="1" applyAlignment="1">
      <alignment horizontal="center" vertical="center" wrapText="1"/>
    </xf>
    <xf numFmtId="0" fontId="59" fillId="0" borderId="23" xfId="0" applyFont="1" applyBorder="1" applyAlignment="1">
      <alignment horizontal="center" vertical="center" wrapText="1"/>
    </xf>
    <xf numFmtId="0" fontId="59" fillId="0" borderId="23" xfId="0" applyFont="1" applyBorder="1" applyAlignment="1">
      <alignment vertical="center" wrapText="1"/>
    </xf>
    <xf numFmtId="3" fontId="39" fillId="0" borderId="23" xfId="0" applyNumberFormat="1" applyFont="1" applyBorder="1" applyAlignment="1">
      <alignment horizontal="center" vertical="center" wrapText="1"/>
    </xf>
    <xf numFmtId="3" fontId="39" fillId="5" borderId="23" xfId="0" applyNumberFormat="1" applyFont="1" applyFill="1" applyBorder="1" applyAlignment="1">
      <alignment horizontal="center" vertical="center" wrapText="1"/>
    </xf>
    <xf numFmtId="0" fontId="78" fillId="0" borderId="0" xfId="0" applyFont="1"/>
    <xf numFmtId="49" fontId="61" fillId="0" borderId="42" xfId="0" applyNumberFormat="1" applyFont="1" applyBorder="1" applyAlignment="1">
      <alignment horizontal="center" vertical="center" wrapText="1"/>
    </xf>
    <xf numFmtId="0" fontId="61" fillId="0" borderId="42" xfId="0" applyFont="1" applyBorder="1" applyAlignment="1">
      <alignment vertical="center" wrapText="1"/>
    </xf>
    <xf numFmtId="3" fontId="71" fillId="0" borderId="42" xfId="0" applyNumberFormat="1" applyFont="1" applyBorder="1" applyAlignment="1">
      <alignment horizontal="right" vertical="center" wrapText="1"/>
    </xf>
    <xf numFmtId="49" fontId="39" fillId="0" borderId="28" xfId="0" applyNumberFormat="1" applyFont="1" applyBorder="1" applyAlignment="1">
      <alignment horizontal="center" vertical="center" wrapText="1"/>
    </xf>
    <xf numFmtId="0" fontId="39" fillId="0" borderId="28" xfId="0" applyFont="1" applyBorder="1" applyAlignment="1">
      <alignment vertical="center" wrapText="1"/>
    </xf>
    <xf numFmtId="3" fontId="59" fillId="0" borderId="28" xfId="0" applyNumberFormat="1" applyFont="1" applyBorder="1" applyAlignment="1">
      <alignment horizontal="right" vertical="center" wrapText="1"/>
    </xf>
    <xf numFmtId="0" fontId="39" fillId="0" borderId="28" xfId="0" applyFont="1" applyBorder="1" applyAlignment="1">
      <alignment horizontal="left" vertical="center" wrapText="1" indent="2"/>
    </xf>
    <xf numFmtId="49" fontId="61" fillId="0" borderId="29" xfId="0" applyNumberFormat="1" applyFont="1" applyBorder="1" applyAlignment="1">
      <alignment horizontal="center" vertical="center" wrapText="1"/>
    </xf>
    <xf numFmtId="0" fontId="61" fillId="0" borderId="29" xfId="0" applyFont="1" applyBorder="1" applyAlignment="1">
      <alignment vertical="center" wrapText="1"/>
    </xf>
    <xf numFmtId="3" fontId="71" fillId="0" borderId="29" xfId="0" applyNumberFormat="1" applyFont="1" applyBorder="1" applyAlignment="1">
      <alignment horizontal="right" vertical="center" wrapText="1"/>
    </xf>
    <xf numFmtId="3" fontId="2" fillId="0" borderId="0" xfId="0" applyNumberFormat="1" applyFont="1"/>
    <xf numFmtId="3" fontId="39" fillId="7" borderId="32" xfId="0" applyNumberFormat="1" applyFont="1" applyFill="1" applyBorder="1" applyAlignment="1">
      <alignment horizontal="right" vertical="center"/>
    </xf>
    <xf numFmtId="0" fontId="39" fillId="0" borderId="21" xfId="0" applyFont="1" applyBorder="1" applyAlignment="1">
      <alignment horizontal="center" vertical="center"/>
    </xf>
    <xf numFmtId="3" fontId="39" fillId="7" borderId="21" xfId="0" applyNumberFormat="1" applyFont="1" applyFill="1" applyBorder="1" applyAlignment="1">
      <alignment horizontal="right" vertical="center"/>
    </xf>
    <xf numFmtId="3" fontId="31" fillId="7" borderId="22" xfId="0" applyNumberFormat="1" applyFont="1" applyFill="1" applyBorder="1" applyAlignment="1">
      <alignment horizontal="right" vertical="center"/>
    </xf>
    <xf numFmtId="0" fontId="31" fillId="0" borderId="2" xfId="0" applyFont="1" applyBorder="1" applyAlignment="1">
      <alignment horizontal="center" vertical="center" wrapText="1"/>
    </xf>
    <xf numFmtId="0" fontId="31" fillId="0" borderId="14" xfId="0" applyFont="1" applyBorder="1" applyAlignment="1">
      <alignment horizontal="center" vertical="center" wrapText="1"/>
    </xf>
    <xf numFmtId="49" fontId="59" fillId="0" borderId="32" xfId="0" applyNumberFormat="1" applyFont="1" applyBorder="1" applyAlignment="1">
      <alignment horizontal="center" vertical="center" wrapText="1"/>
    </xf>
    <xf numFmtId="3" fontId="59" fillId="0" borderId="54" xfId="0" applyNumberFormat="1" applyFont="1" applyBorder="1" applyAlignment="1">
      <alignment horizontal="right" vertical="center"/>
    </xf>
    <xf numFmtId="3" fontId="59" fillId="0" borderId="32" xfId="0" applyNumberFormat="1" applyFont="1" applyBorder="1" applyAlignment="1">
      <alignment horizontal="right" vertical="center"/>
    </xf>
    <xf numFmtId="3" fontId="59" fillId="0" borderId="55" xfId="0" applyNumberFormat="1" applyFont="1" applyBorder="1" applyAlignment="1">
      <alignment horizontal="right" vertical="center"/>
    </xf>
    <xf numFmtId="49" fontId="59" fillId="0" borderId="20" xfId="0" applyNumberFormat="1" applyFont="1" applyBorder="1" applyAlignment="1">
      <alignment horizontal="center" vertical="center" wrapText="1"/>
    </xf>
    <xf numFmtId="3" fontId="59" fillId="0" borderId="56" xfId="0" applyNumberFormat="1" applyFont="1" applyBorder="1" applyAlignment="1">
      <alignment horizontal="right" vertical="center"/>
    </xf>
    <xf numFmtId="3" fontId="59" fillId="0" borderId="20" xfId="0" applyNumberFormat="1" applyFont="1" applyBorder="1" applyAlignment="1">
      <alignment horizontal="right" vertical="center"/>
    </xf>
    <xf numFmtId="3" fontId="59" fillId="0" borderId="57" xfId="0" applyNumberFormat="1" applyFont="1" applyBorder="1" applyAlignment="1">
      <alignment horizontal="right" vertical="center"/>
    </xf>
    <xf numFmtId="0" fontId="59" fillId="0" borderId="20" xfId="0" applyFont="1" applyBorder="1" applyAlignment="1">
      <alignment horizontal="left" vertical="center" wrapText="1" indent="2"/>
    </xf>
    <xf numFmtId="49" fontId="59" fillId="0" borderId="21" xfId="0" applyNumberFormat="1" applyFont="1" applyBorder="1" applyAlignment="1">
      <alignment horizontal="center" vertical="center" wrapText="1"/>
    </xf>
    <xf numFmtId="0" fontId="59" fillId="0" borderId="21" xfId="0" applyFont="1" applyBorder="1" applyAlignment="1">
      <alignment horizontal="left" vertical="center" wrapText="1" indent="2"/>
    </xf>
    <xf numFmtId="3" fontId="59" fillId="0" borderId="58" xfId="0" applyNumberFormat="1" applyFont="1" applyBorder="1" applyAlignment="1">
      <alignment horizontal="right" vertical="center"/>
    </xf>
    <xf numFmtId="3" fontId="59" fillId="0" borderId="21" xfId="0" applyNumberFormat="1" applyFont="1" applyBorder="1" applyAlignment="1">
      <alignment horizontal="right" vertical="center"/>
    </xf>
    <xf numFmtId="49" fontId="71" fillId="0" borderId="22" xfId="0" applyNumberFormat="1" applyFont="1" applyBorder="1" applyAlignment="1">
      <alignment horizontal="center" vertical="center" wrapText="1"/>
    </xf>
    <xf numFmtId="3" fontId="71" fillId="0" borderId="59" xfId="0" applyNumberFormat="1" applyFont="1" applyBorder="1" applyAlignment="1">
      <alignment horizontal="right" vertical="center"/>
    </xf>
    <xf numFmtId="3" fontId="71" fillId="0" borderId="22" xfId="0" applyNumberFormat="1" applyFont="1" applyBorder="1" applyAlignment="1">
      <alignment horizontal="right" vertical="center"/>
    </xf>
    <xf numFmtId="3" fontId="71" fillId="0" borderId="60" xfId="0" applyNumberFormat="1" applyFont="1" applyBorder="1" applyAlignment="1">
      <alignment horizontal="right" vertical="center"/>
    </xf>
    <xf numFmtId="0" fontId="31" fillId="0" borderId="32" xfId="0" applyFont="1" applyBorder="1" applyAlignment="1">
      <alignment horizontal="center" vertical="center" wrapText="1"/>
    </xf>
    <xf numFmtId="0" fontId="31" fillId="0" borderId="32" xfId="0" applyFont="1" applyBorder="1" applyAlignment="1">
      <alignment vertical="center" wrapText="1"/>
    </xf>
    <xf numFmtId="0" fontId="31" fillId="11" borderId="32" xfId="0" applyFont="1" applyFill="1" applyBorder="1" applyAlignment="1">
      <alignment vertical="center"/>
    </xf>
    <xf numFmtId="3" fontId="31" fillId="0" borderId="32" xfId="0" applyNumberFormat="1" applyFont="1" applyBorder="1" applyAlignment="1">
      <alignment vertical="center"/>
    </xf>
    <xf numFmtId="3" fontId="39" fillId="0" borderId="20" xfId="0" applyNumberFormat="1" applyFont="1" applyBorder="1" applyAlignment="1">
      <alignment vertical="center"/>
    </xf>
    <xf numFmtId="3" fontId="39" fillId="11" borderId="20" xfId="0" applyNumberFormat="1" applyFont="1" applyFill="1" applyBorder="1" applyAlignment="1">
      <alignment vertical="center"/>
    </xf>
    <xf numFmtId="3" fontId="39" fillId="0" borderId="21" xfId="0" applyNumberFormat="1" applyFont="1" applyBorder="1" applyAlignment="1">
      <alignment vertical="center"/>
    </xf>
    <xf numFmtId="3" fontId="39" fillId="0" borderId="25" xfId="0" applyNumberFormat="1" applyFont="1" applyBorder="1" applyAlignment="1">
      <alignment vertical="center"/>
    </xf>
    <xf numFmtId="0" fontId="31" fillId="11" borderId="0" xfId="0" applyFont="1" applyFill="1" applyAlignment="1">
      <alignment vertical="center"/>
    </xf>
    <xf numFmtId="3" fontId="31" fillId="0" borderId="18" xfId="0" applyNumberFormat="1" applyFont="1" applyBorder="1" applyAlignment="1">
      <alignment vertical="center"/>
    </xf>
    <xf numFmtId="0" fontId="39" fillId="0" borderId="19" xfId="0" applyFont="1" applyBorder="1" applyAlignment="1">
      <alignment horizontal="center" vertical="center" wrapText="1"/>
    </xf>
    <xf numFmtId="0" fontId="39" fillId="0" borderId="19" xfId="0" applyFont="1" applyBorder="1" applyAlignment="1">
      <alignment vertical="center"/>
    </xf>
    <xf numFmtId="3" fontId="39" fillId="0" borderId="19" xfId="0" applyNumberFormat="1" applyFont="1" applyBorder="1" applyAlignment="1">
      <alignment vertical="center"/>
    </xf>
    <xf numFmtId="0" fontId="39" fillId="0" borderId="23" xfId="0" applyFont="1" applyBorder="1" applyAlignment="1">
      <alignment horizontal="center" vertical="center" wrapText="1"/>
    </xf>
    <xf numFmtId="0" fontId="39" fillId="0" borderId="23" xfId="0" applyFont="1" applyBorder="1" applyAlignment="1">
      <alignment vertical="center" wrapText="1"/>
    </xf>
    <xf numFmtId="0" fontId="39" fillId="0" borderId="23" xfId="0" applyFont="1" applyBorder="1" applyAlignment="1">
      <alignment vertical="center"/>
    </xf>
    <xf numFmtId="3" fontId="39" fillId="0" borderId="23" xfId="0" applyNumberFormat="1" applyFont="1" applyBorder="1" applyAlignment="1">
      <alignment vertical="center"/>
    </xf>
    <xf numFmtId="0" fontId="74" fillId="0" borderId="0" xfId="0" applyFont="1"/>
    <xf numFmtId="0" fontId="28" fillId="0" borderId="0" xfId="0" applyFont="1" applyAlignment="1">
      <alignment horizontal="right" vertical="center" wrapText="1"/>
    </xf>
    <xf numFmtId="0" fontId="27" fillId="0" borderId="0" xfId="0" applyFont="1" applyAlignment="1">
      <alignment horizontal="right" vertical="center" wrapText="1"/>
    </xf>
    <xf numFmtId="0" fontId="31" fillId="0" borderId="0" xfId="0" applyFont="1" applyAlignment="1">
      <alignment horizontal="right" vertical="center" wrapText="1"/>
    </xf>
    <xf numFmtId="3" fontId="39" fillId="6" borderId="32" xfId="0" applyNumberFormat="1" applyFont="1" applyFill="1" applyBorder="1" applyAlignment="1">
      <alignment horizontal="right" vertical="center" wrapText="1"/>
    </xf>
    <xf numFmtId="0" fontId="37" fillId="6" borderId="0" xfId="0" applyFont="1" applyFill="1" applyAlignment="1">
      <alignment horizontal="right" vertical="center" wrapText="1"/>
    </xf>
    <xf numFmtId="0" fontId="39" fillId="6" borderId="20" xfId="0" applyFont="1" applyFill="1" applyBorder="1" applyAlignment="1">
      <alignment horizontal="right" vertical="center" wrapText="1"/>
    </xf>
    <xf numFmtId="0" fontId="39" fillId="0" borderId="25" xfId="0" applyFont="1" applyBorder="1" applyAlignment="1">
      <alignment vertical="center" wrapText="1"/>
    </xf>
    <xf numFmtId="0" fontId="39" fillId="6" borderId="25" xfId="0" applyFont="1" applyFill="1" applyBorder="1" applyAlignment="1">
      <alignment horizontal="right" vertical="center" wrapText="1"/>
    </xf>
    <xf numFmtId="0" fontId="61" fillId="0" borderId="26" xfId="0" applyFont="1" applyBorder="1" applyAlignment="1">
      <alignment vertical="center" wrapText="1"/>
    </xf>
    <xf numFmtId="3" fontId="31" fillId="6" borderId="26" xfId="0" applyNumberFormat="1" applyFont="1" applyFill="1" applyBorder="1" applyAlignment="1">
      <alignment vertical="center" wrapText="1"/>
    </xf>
    <xf numFmtId="0" fontId="80" fillId="0" borderId="0" xfId="0" applyFont="1" applyAlignment="1">
      <alignment horizontal="center" vertical="center"/>
    </xf>
    <xf numFmtId="9" fontId="31" fillId="0" borderId="24" xfId="0" applyNumberFormat="1" applyFont="1" applyBorder="1" applyAlignment="1">
      <alignment horizontal="right" vertical="center" wrapText="1"/>
    </xf>
    <xf numFmtId="0" fontId="31" fillId="0" borderId="24" xfId="0" applyFont="1" applyBorder="1" applyAlignment="1">
      <alignment horizontal="right" vertical="center" wrapText="1"/>
    </xf>
    <xf numFmtId="0" fontId="39" fillId="0" borderId="32" xfId="0" applyFont="1" applyBorder="1" applyAlignment="1">
      <alignment vertical="center"/>
    </xf>
    <xf numFmtId="3" fontId="39" fillId="0" borderId="32" xfId="0" applyNumberFormat="1" applyFont="1" applyBorder="1" applyAlignment="1">
      <alignment horizontal="right" vertical="center" wrapText="1"/>
    </xf>
    <xf numFmtId="3" fontId="39" fillId="0" borderId="20" xfId="0" applyNumberFormat="1" applyFont="1" applyBorder="1" applyAlignment="1">
      <alignment horizontal="right" vertical="center" wrapText="1"/>
    </xf>
    <xf numFmtId="0" fontId="37" fillId="0" borderId="0" xfId="0" applyFont="1" applyAlignment="1">
      <alignment horizontal="right" vertical="center" wrapText="1"/>
    </xf>
    <xf numFmtId="0" fontId="39" fillId="0" borderId="21" xfId="0" applyFont="1" applyBorder="1" applyAlignment="1">
      <alignment vertical="center"/>
    </xf>
    <xf numFmtId="3" fontId="39" fillId="0" borderId="21" xfId="0" applyNumberFormat="1" applyFont="1" applyBorder="1" applyAlignment="1">
      <alignment horizontal="right" vertical="center" wrapText="1"/>
    </xf>
    <xf numFmtId="0" fontId="31" fillId="0" borderId="22" xfId="0" applyFont="1" applyBorder="1" applyAlignment="1">
      <alignment vertical="center"/>
    </xf>
    <xf numFmtId="3" fontId="31" fillId="0" borderId="22" xfId="0" applyNumberFormat="1" applyFont="1" applyBorder="1" applyAlignment="1">
      <alignment horizontal="right" vertical="center" wrapText="1"/>
    </xf>
    <xf numFmtId="0" fontId="43" fillId="0" borderId="0" xfId="0" applyFont="1" applyAlignment="1">
      <alignment vertical="center" wrapText="1"/>
    </xf>
    <xf numFmtId="0" fontId="81" fillId="0" borderId="0" xfId="0" applyFont="1" applyAlignment="1">
      <alignment horizontal="center" vertical="center" wrapText="1"/>
    </xf>
    <xf numFmtId="0" fontId="81" fillId="0" borderId="0" xfId="0" applyFont="1" applyAlignment="1">
      <alignment vertical="center" wrapText="1"/>
    </xf>
    <xf numFmtId="0" fontId="81" fillId="0" borderId="0" xfId="0" applyFont="1"/>
    <xf numFmtId="0" fontId="43" fillId="0" borderId="0" xfId="0" applyFont="1" applyAlignment="1">
      <alignment horizontal="center" vertical="center" wrapText="1"/>
    </xf>
    <xf numFmtId="0" fontId="59" fillId="0" borderId="0" xfId="0" applyFont="1" applyAlignment="1">
      <alignment horizontal="right" vertical="center" wrapText="1"/>
    </xf>
    <xf numFmtId="0" fontId="43" fillId="0" borderId="22" xfId="0" applyFont="1" applyBorder="1" applyAlignment="1">
      <alignment horizontal="center" vertical="center" wrapText="1"/>
    </xf>
    <xf numFmtId="0" fontId="43" fillId="0" borderId="22" xfId="0" applyFont="1" applyBorder="1" applyAlignment="1">
      <alignment vertical="center" wrapText="1"/>
    </xf>
    <xf numFmtId="0" fontId="31" fillId="0" borderId="22" xfId="0" applyFont="1" applyBorder="1" applyAlignment="1">
      <alignment horizontal="right" vertical="center" wrapText="1"/>
    </xf>
    <xf numFmtId="3" fontId="39" fillId="0" borderId="32" xfId="2" applyNumberFormat="1" applyFont="1" applyBorder="1" applyAlignment="1">
      <alignment vertical="center" wrapText="1"/>
    </xf>
    <xf numFmtId="0" fontId="39" fillId="11" borderId="32" xfId="0" applyFont="1" applyFill="1" applyBorder="1" applyAlignment="1">
      <alignment vertical="center" wrapText="1"/>
    </xf>
    <xf numFmtId="0" fontId="39" fillId="6" borderId="32" xfId="0" applyFont="1" applyFill="1" applyBorder="1" applyAlignment="1">
      <alignment horizontal="right" vertical="center" wrapText="1"/>
    </xf>
    <xf numFmtId="0" fontId="67" fillId="11" borderId="20" xfId="0" applyFont="1" applyFill="1" applyBorder="1" applyAlignment="1">
      <alignment vertical="center" wrapText="1"/>
    </xf>
    <xf numFmtId="0" fontId="39" fillId="11" borderId="20" xfId="0" applyFont="1" applyFill="1" applyBorder="1" applyAlignment="1">
      <alignment vertical="center" wrapText="1"/>
    </xf>
    <xf numFmtId="0" fontId="37" fillId="0" borderId="21" xfId="0" applyFont="1" applyBorder="1" applyAlignment="1">
      <alignment horizontal="center" vertical="center" wrapText="1"/>
    </xf>
    <xf numFmtId="0" fontId="37" fillId="11" borderId="21" xfId="0" applyFont="1" applyFill="1" applyBorder="1" applyAlignment="1">
      <alignment vertical="center" wrapText="1"/>
    </xf>
    <xf numFmtId="0" fontId="37" fillId="6" borderId="21" xfId="0" applyFont="1" applyFill="1" applyBorder="1" applyAlignment="1">
      <alignment vertical="center" wrapText="1"/>
    </xf>
    <xf numFmtId="0" fontId="22" fillId="0" borderId="22" xfId="0" applyFont="1" applyBorder="1" applyAlignment="1">
      <alignment horizontal="center" vertical="center" wrapText="1"/>
    </xf>
    <xf numFmtId="0" fontId="22" fillId="11" borderId="22" xfId="0" applyFont="1" applyFill="1" applyBorder="1" applyAlignment="1">
      <alignment vertical="center" wrapText="1"/>
    </xf>
    <xf numFmtId="3" fontId="31" fillId="6" borderId="22" xfId="0" applyNumberFormat="1" applyFont="1" applyFill="1" applyBorder="1" applyAlignment="1">
      <alignment vertical="center" wrapText="1"/>
    </xf>
    <xf numFmtId="0" fontId="28" fillId="6" borderId="0" xfId="0" applyFont="1" applyFill="1" applyAlignment="1">
      <alignment horizontal="center" vertical="center" wrapText="1"/>
    </xf>
    <xf numFmtId="0" fontId="39" fillId="0" borderId="32" xfId="0" quotePrefix="1" applyFont="1" applyBorder="1" applyAlignment="1">
      <alignment horizontal="center" vertical="center"/>
    </xf>
    <xf numFmtId="0" fontId="39" fillId="0" borderId="32" xfId="3" applyFont="1" applyBorder="1" applyAlignment="1">
      <alignment horizontal="left" vertical="center" wrapText="1" indent="1"/>
    </xf>
    <xf numFmtId="3" fontId="39" fillId="0" borderId="32" xfId="5" applyFont="1" applyFill="1" applyBorder="1" applyAlignment="1">
      <alignment horizontal="center" vertical="center"/>
      <protection locked="0"/>
    </xf>
    <xf numFmtId="0" fontId="39" fillId="0" borderId="20" xfId="0" quotePrefix="1" applyFont="1" applyBorder="1" applyAlignment="1">
      <alignment horizontal="center" vertical="center"/>
    </xf>
    <xf numFmtId="0" fontId="39" fillId="0" borderId="20" xfId="3" applyFont="1" applyBorder="1" applyAlignment="1">
      <alignment horizontal="left" vertical="center" wrapText="1" indent="1"/>
    </xf>
    <xf numFmtId="167" fontId="39" fillId="0" borderId="20" xfId="7" applyNumberFormat="1" applyFont="1" applyFill="1" applyBorder="1" applyAlignment="1" applyProtection="1">
      <alignment horizontal="center" vertical="center" wrapText="1"/>
      <protection locked="0"/>
    </xf>
    <xf numFmtId="0" fontId="39" fillId="0" borderId="21" xfId="0" quotePrefix="1" applyFont="1" applyBorder="1" applyAlignment="1">
      <alignment horizontal="center" vertical="center"/>
    </xf>
    <xf numFmtId="0" fontId="39" fillId="0" borderId="21" xfId="3" applyFont="1" applyBorder="1" applyAlignment="1">
      <alignment horizontal="left" vertical="center" wrapText="1" indent="1"/>
    </xf>
    <xf numFmtId="3" fontId="39" fillId="0" borderId="21" xfId="5" applyFont="1" applyFill="1" applyBorder="1" applyAlignment="1">
      <alignment horizontal="center" vertical="center" wrapText="1"/>
      <protection locked="0"/>
    </xf>
    <xf numFmtId="3" fontId="29" fillId="0" borderId="0" xfId="0" applyNumberFormat="1" applyFont="1"/>
    <xf numFmtId="0" fontId="59" fillId="6" borderId="0" xfId="0" applyFont="1" applyFill="1" applyAlignment="1">
      <alignment horizontal="center" vertical="center" wrapText="1"/>
    </xf>
    <xf numFmtId="0" fontId="71" fillId="6" borderId="34" xfId="0" applyFont="1" applyFill="1" applyBorder="1" applyAlignment="1">
      <alignment horizontal="center" vertical="center" wrapText="1"/>
    </xf>
    <xf numFmtId="0" fontId="71" fillId="6" borderId="39" xfId="0" applyFont="1" applyFill="1" applyBorder="1" applyAlignment="1">
      <alignment horizontal="center" vertical="center" wrapText="1"/>
    </xf>
    <xf numFmtId="0" fontId="61" fillId="0" borderId="26" xfId="0" quotePrefix="1" applyFont="1" applyBorder="1" applyAlignment="1">
      <alignment horizontal="center" vertical="center"/>
    </xf>
    <xf numFmtId="0" fontId="61" fillId="0" borderId="26" xfId="3" applyFont="1" applyBorder="1" applyAlignment="1">
      <alignment horizontal="left" vertical="center" wrapText="1"/>
    </xf>
    <xf numFmtId="3" fontId="37" fillId="0" borderId="26" xfId="5" applyFont="1" applyFill="1" applyBorder="1" applyAlignment="1">
      <alignment horizontal="center" vertical="center"/>
      <protection locked="0"/>
    </xf>
    <xf numFmtId="0" fontId="37" fillId="0" borderId="26" xfId="0" applyFont="1" applyBorder="1" applyAlignment="1">
      <alignment vertical="center"/>
    </xf>
    <xf numFmtId="0" fontId="37" fillId="0" borderId="6" xfId="0" applyFont="1" applyBorder="1" applyAlignment="1">
      <alignment vertical="center"/>
    </xf>
    <xf numFmtId="0" fontId="39" fillId="2" borderId="6" xfId="3" applyFont="1" applyFill="1" applyBorder="1" applyAlignment="1">
      <alignment horizontal="left" vertical="center" wrapText="1" indent="2"/>
    </xf>
    <xf numFmtId="3" fontId="37" fillId="0" borderId="6" xfId="5" applyFont="1" applyFill="1" applyBorder="1" applyAlignment="1">
      <alignment horizontal="right" vertical="center" wrapText="1"/>
      <protection locked="0"/>
    </xf>
    <xf numFmtId="3" fontId="37" fillId="0" borderId="6" xfId="5" quotePrefix="1" applyFont="1" applyFill="1" applyBorder="1" applyAlignment="1">
      <alignment horizontal="right" vertical="center" wrapText="1"/>
      <protection locked="0"/>
    </xf>
    <xf numFmtId="10" fontId="37" fillId="0" borderId="6" xfId="5" applyNumberFormat="1" applyFont="1" applyFill="1" applyBorder="1" applyAlignment="1">
      <alignment horizontal="right" vertical="center" wrapText="1"/>
      <protection locked="0"/>
    </xf>
    <xf numFmtId="0" fontId="37" fillId="0" borderId="7" xfId="0" applyFont="1" applyBorder="1" applyAlignment="1">
      <alignment vertical="center"/>
    </xf>
    <xf numFmtId="0" fontId="39" fillId="2" borderId="7" xfId="3" applyFont="1" applyFill="1" applyBorder="1" applyAlignment="1">
      <alignment horizontal="left" vertical="center" wrapText="1" indent="2"/>
    </xf>
    <xf numFmtId="3" fontId="37" fillId="0" borderId="7" xfId="5" applyFont="1" applyFill="1" applyBorder="1" applyAlignment="1">
      <alignment horizontal="right" vertical="center" wrapText="1"/>
      <protection locked="0"/>
    </xf>
    <xf numFmtId="3" fontId="37" fillId="0" borderId="7" xfId="5" quotePrefix="1" applyFont="1" applyFill="1" applyBorder="1" applyAlignment="1">
      <alignment horizontal="right" vertical="center" wrapText="1"/>
      <protection locked="0"/>
    </xf>
    <xf numFmtId="10" fontId="37" fillId="0" borderId="7" xfId="5" applyNumberFormat="1" applyFont="1" applyFill="1" applyBorder="1" applyAlignment="1">
      <alignment horizontal="right" vertical="center" wrapText="1"/>
      <protection locked="0"/>
    </xf>
    <xf numFmtId="3" fontId="37" fillId="0" borderId="7" xfId="5" applyFont="1" applyFill="1" applyBorder="1">
      <alignment horizontal="right" vertical="center"/>
      <protection locked="0"/>
    </xf>
    <xf numFmtId="10" fontId="37" fillId="0" borderId="7" xfId="5" applyNumberFormat="1" applyFont="1" applyFill="1" applyBorder="1">
      <alignment horizontal="right" vertical="center"/>
      <protection locked="0"/>
    </xf>
    <xf numFmtId="0" fontId="37" fillId="0" borderId="8" xfId="0" applyFont="1" applyBorder="1" applyAlignment="1">
      <alignment vertical="center"/>
    </xf>
    <xf numFmtId="0" fontId="39" fillId="2" borderId="8" xfId="3" applyFont="1" applyFill="1" applyBorder="1" applyAlignment="1">
      <alignment horizontal="left" vertical="center" wrapText="1" indent="2"/>
    </xf>
    <xf numFmtId="3" fontId="37" fillId="0" borderId="8" xfId="5" applyFont="1" applyFill="1" applyBorder="1">
      <alignment horizontal="right" vertical="center"/>
      <protection locked="0"/>
    </xf>
    <xf numFmtId="3" fontId="37" fillId="0" borderId="8" xfId="5" applyFont="1" applyFill="1" applyBorder="1" applyAlignment="1">
      <alignment horizontal="right" vertical="center" wrapText="1"/>
      <protection locked="0"/>
    </xf>
    <xf numFmtId="3" fontId="37" fillId="0" borderId="8" xfId="5" quotePrefix="1" applyFont="1" applyFill="1" applyBorder="1" applyAlignment="1">
      <alignment horizontal="right" vertical="center" wrapText="1"/>
      <protection locked="0"/>
    </xf>
    <xf numFmtId="10" fontId="37" fillId="0" borderId="8" xfId="5" applyNumberFormat="1" applyFont="1" applyFill="1" applyBorder="1">
      <alignment horizontal="right" vertical="center"/>
      <protection locked="0"/>
    </xf>
    <xf numFmtId="0" fontId="31" fillId="0" borderId="26" xfId="0" quotePrefix="1" applyFont="1" applyBorder="1" applyAlignment="1">
      <alignment horizontal="center" vertical="center"/>
    </xf>
    <xf numFmtId="0" fontId="31" fillId="0" borderId="26" xfId="3" applyFont="1" applyBorder="1" applyAlignment="1">
      <alignment horizontal="left" vertical="center" wrapText="1"/>
    </xf>
    <xf numFmtId="3" fontId="31" fillId="0" borderId="26" xfId="5" applyFont="1" applyFill="1" applyBorder="1" applyAlignment="1">
      <alignment horizontal="right" vertical="center" wrapText="1"/>
      <protection locked="0"/>
    </xf>
    <xf numFmtId="10" fontId="31" fillId="0" borderId="26" xfId="7" applyNumberFormat="1" applyFont="1" applyFill="1" applyBorder="1" applyAlignment="1" applyProtection="1">
      <alignment horizontal="right" vertical="center" wrapText="1"/>
      <protection locked="0"/>
    </xf>
    <xf numFmtId="3" fontId="82" fillId="11" borderId="26" xfId="5" applyFont="1" applyFill="1" applyBorder="1">
      <alignment horizontal="right" vertical="center"/>
      <protection locked="0"/>
    </xf>
    <xf numFmtId="15" fontId="31" fillId="0" borderId="27" xfId="0" applyNumberFormat="1" applyFont="1" applyBorder="1" applyAlignment="1">
      <alignment horizontal="right" vertical="center" wrapText="1"/>
    </xf>
    <xf numFmtId="3" fontId="71" fillId="0" borderId="32" xfId="0" quotePrefix="1" applyNumberFormat="1" applyFont="1" applyBorder="1" applyAlignment="1">
      <alignment horizontal="right" vertical="center" wrapText="1"/>
    </xf>
    <xf numFmtId="3" fontId="39" fillId="0" borderId="20" xfId="0" quotePrefix="1" applyNumberFormat="1" applyFont="1" applyBorder="1" applyAlignment="1">
      <alignment horizontal="right" vertical="center" wrapText="1"/>
    </xf>
    <xf numFmtId="3" fontId="59" fillId="0" borderId="20" xfId="0" quotePrefix="1" applyNumberFormat="1" applyFont="1" applyBorder="1" applyAlignment="1">
      <alignment horizontal="right" vertical="center" wrapText="1"/>
    </xf>
    <xf numFmtId="0" fontId="31" fillId="0" borderId="20" xfId="0" applyFont="1" applyBorder="1" applyAlignment="1">
      <alignment vertical="center" wrapText="1"/>
    </xf>
    <xf numFmtId="3" fontId="61" fillId="0" borderId="20" xfId="0" quotePrefix="1" applyNumberFormat="1" applyFont="1" applyBorder="1" applyAlignment="1">
      <alignment horizontal="right" vertical="center" wrapText="1"/>
    </xf>
    <xf numFmtId="0" fontId="39" fillId="5" borderId="25" xfId="0" applyFont="1" applyFill="1" applyBorder="1" applyAlignment="1">
      <alignment horizontal="right" vertical="center" wrapText="1"/>
    </xf>
    <xf numFmtId="0" fontId="59" fillId="5" borderId="25" xfId="0" applyFont="1" applyFill="1" applyBorder="1" applyAlignment="1">
      <alignment horizontal="right" vertical="center" wrapText="1"/>
    </xf>
    <xf numFmtId="0" fontId="39" fillId="5" borderId="0" xfId="0" applyFont="1" applyFill="1" applyAlignment="1">
      <alignment horizontal="right" vertical="center" wrapText="1"/>
    </xf>
    <xf numFmtId="0" fontId="59" fillId="5" borderId="0" xfId="0" applyFont="1" applyFill="1" applyAlignment="1">
      <alignment horizontal="right" vertical="center" wrapText="1"/>
    </xf>
    <xf numFmtId="0" fontId="39" fillId="5" borderId="41" xfId="0" applyFont="1" applyFill="1" applyBorder="1" applyAlignment="1">
      <alignment horizontal="right" vertical="center" wrapText="1"/>
    </xf>
    <xf numFmtId="0" fontId="59" fillId="5" borderId="41" xfId="0" applyFont="1" applyFill="1" applyBorder="1" applyAlignment="1">
      <alignment horizontal="right" vertical="center" wrapText="1"/>
    </xf>
    <xf numFmtId="0" fontId="39" fillId="0" borderId="20" xfId="0" applyFont="1" applyBorder="1" applyAlignment="1">
      <alignment horizontal="right" vertical="center" wrapText="1"/>
    </xf>
    <xf numFmtId="0" fontId="59" fillId="0" borderId="20" xfId="0" applyFont="1" applyBorder="1" applyAlignment="1">
      <alignment horizontal="right" vertical="center" wrapText="1"/>
    </xf>
    <xf numFmtId="0" fontId="31" fillId="0" borderId="23" xfId="0" applyFont="1" applyBorder="1" applyAlignment="1">
      <alignment horizontal="center" vertical="center" wrapText="1"/>
    </xf>
    <xf numFmtId="0" fontId="31" fillId="0" borderId="23" xfId="0" applyFont="1" applyBorder="1" applyAlignment="1">
      <alignment vertical="center" wrapText="1"/>
    </xf>
    <xf numFmtId="3" fontId="31" fillId="0" borderId="23" xfId="0" applyNumberFormat="1" applyFont="1" applyBorder="1" applyAlignment="1">
      <alignment horizontal="right" vertical="center" wrapText="1"/>
    </xf>
    <xf numFmtId="3" fontId="22" fillId="0" borderId="0" xfId="0" applyNumberFormat="1" applyFont="1"/>
    <xf numFmtId="0" fontId="2" fillId="0" borderId="0" xfId="0" applyFont="1" applyAlignment="1">
      <alignment vertical="center"/>
    </xf>
    <xf numFmtId="0" fontId="2" fillId="0" borderId="0" xfId="0" applyFont="1" applyAlignment="1">
      <alignment horizontal="justify" vertical="center"/>
    </xf>
    <xf numFmtId="0" fontId="2" fillId="0" borderId="27" xfId="0" applyFont="1" applyBorder="1" applyAlignment="1">
      <alignment vertical="center"/>
    </xf>
    <xf numFmtId="3" fontId="2" fillId="0" borderId="0" xfId="0" applyNumberFormat="1" applyFont="1" applyAlignment="1">
      <alignment horizontal="center" vertical="center"/>
    </xf>
    <xf numFmtId="0" fontId="2" fillId="0" borderId="0" xfId="0" applyFont="1" applyAlignment="1">
      <alignment horizontal="center" vertical="center"/>
    </xf>
    <xf numFmtId="3" fontId="2" fillId="0" borderId="0" xfId="0" applyNumberFormat="1" applyFont="1" applyAlignment="1">
      <alignment vertical="center"/>
    </xf>
    <xf numFmtId="0" fontId="63" fillId="0" borderId="0" xfId="0" applyFont="1"/>
    <xf numFmtId="3" fontId="31" fillId="0" borderId="22" xfId="0" quotePrefix="1" applyNumberFormat="1" applyFont="1" applyBorder="1" applyAlignment="1">
      <alignment horizontal="center" vertical="center"/>
    </xf>
    <xf numFmtId="0" fontId="37" fillId="0" borderId="19" xfId="0" applyFont="1" applyBorder="1" applyAlignment="1">
      <alignment horizontal="center" vertical="center"/>
    </xf>
    <xf numFmtId="0" fontId="37" fillId="0" borderId="19" xfId="0" applyFont="1" applyBorder="1" applyAlignment="1">
      <alignment horizontal="justify" vertical="center"/>
    </xf>
    <xf numFmtId="3" fontId="37" fillId="0" borderId="19" xfId="0" applyNumberFormat="1" applyFont="1" applyBorder="1" applyAlignment="1">
      <alignment horizontal="right" vertical="center" wrapText="1"/>
    </xf>
    <xf numFmtId="0" fontId="37" fillId="0" borderId="20" xfId="0" applyFont="1" applyBorder="1" applyAlignment="1">
      <alignment horizontal="justify" vertical="center"/>
    </xf>
    <xf numFmtId="3" fontId="37" fillId="0" borderId="20" xfId="0" applyNumberFormat="1" applyFont="1" applyBorder="1" applyAlignment="1">
      <alignment horizontal="right" vertical="center" wrapText="1"/>
    </xf>
    <xf numFmtId="0" fontId="37" fillId="0" borderId="21" xfId="0" applyFont="1" applyBorder="1" applyAlignment="1">
      <alignment horizontal="center" vertical="center"/>
    </xf>
    <xf numFmtId="0" fontId="37" fillId="0" borderId="21" xfId="0" applyFont="1" applyBorder="1" applyAlignment="1">
      <alignment horizontal="justify" vertical="center"/>
    </xf>
    <xf numFmtId="3" fontId="37" fillId="0" borderId="21" xfId="0" applyNumberFormat="1" applyFont="1" applyBorder="1" applyAlignment="1">
      <alignment horizontal="right" vertical="center" wrapText="1"/>
    </xf>
    <xf numFmtId="0" fontId="70" fillId="0" borderId="22" xfId="0" applyFont="1" applyBorder="1" applyAlignment="1">
      <alignment horizontal="center" vertical="center"/>
    </xf>
    <xf numFmtId="0" fontId="70" fillId="0" borderId="22" xfId="0" applyFont="1" applyBorder="1" applyAlignment="1">
      <alignment horizontal="justify" vertical="center"/>
    </xf>
    <xf numFmtId="3" fontId="70" fillId="0" borderId="22" xfId="0" applyNumberFormat="1" applyFont="1" applyBorder="1" applyAlignment="1">
      <alignment horizontal="right" vertical="center" wrapText="1"/>
    </xf>
    <xf numFmtId="0" fontId="37" fillId="0" borderId="19" xfId="0" applyFont="1" applyBorder="1" applyAlignment="1">
      <alignment horizontal="justify" vertical="center" wrapText="1"/>
    </xf>
    <xf numFmtId="0" fontId="37" fillId="0" borderId="20" xfId="0" applyFont="1" applyBorder="1" applyAlignment="1">
      <alignment horizontal="justify" vertical="center" wrapText="1"/>
    </xf>
    <xf numFmtId="0" fontId="37" fillId="0" borderId="21" xfId="0" applyFont="1" applyBorder="1" applyAlignment="1">
      <alignment horizontal="justify" vertical="center" wrapText="1"/>
    </xf>
    <xf numFmtId="0" fontId="37" fillId="0" borderId="18" xfId="0" applyFont="1" applyBorder="1" applyAlignment="1">
      <alignment horizontal="center" vertical="center"/>
    </xf>
    <xf numFmtId="0" fontId="70" fillId="0" borderId="18" xfId="0" applyFont="1" applyBorder="1" applyAlignment="1">
      <alignment horizontal="justify" vertical="center" wrapText="1"/>
    </xf>
    <xf numFmtId="3" fontId="70" fillId="0" borderId="18" xfId="0" applyNumberFormat="1" applyFont="1" applyBorder="1" applyAlignment="1">
      <alignment horizontal="right" vertical="center" wrapText="1"/>
    </xf>
    <xf numFmtId="0" fontId="37" fillId="0" borderId="22" xfId="0" applyFont="1" applyBorder="1" applyAlignment="1">
      <alignment horizontal="center" vertical="center"/>
    </xf>
    <xf numFmtId="0" fontId="70" fillId="0" borderId="22" xfId="0" applyFont="1" applyBorder="1" applyAlignment="1">
      <alignment horizontal="justify" vertical="center" wrapText="1"/>
    </xf>
    <xf numFmtId="0" fontId="37" fillId="0" borderId="23" xfId="0" applyFont="1" applyBorder="1" applyAlignment="1">
      <alignment horizontal="justify" vertical="center" wrapText="1"/>
    </xf>
    <xf numFmtId="3" fontId="37" fillId="0" borderId="23" xfId="0" applyNumberFormat="1" applyFont="1" applyBorder="1" applyAlignment="1">
      <alignment horizontal="right" vertical="center" wrapText="1"/>
    </xf>
    <xf numFmtId="0" fontId="37" fillId="0" borderId="6" xfId="0" applyFont="1" applyBorder="1" applyAlignment="1">
      <alignment horizontal="center" vertical="center"/>
    </xf>
    <xf numFmtId="0" fontId="37" fillId="0" borderId="6" xfId="0" applyFont="1" applyBorder="1" applyAlignment="1">
      <alignment horizontal="justify" vertical="center" wrapText="1"/>
    </xf>
    <xf numFmtId="10" fontId="37" fillId="0" borderId="6" xfId="7" applyNumberFormat="1" applyFont="1" applyBorder="1" applyAlignment="1">
      <alignment horizontal="right" vertical="center" wrapText="1"/>
    </xf>
    <xf numFmtId="0" fontId="37" fillId="0" borderId="7" xfId="0" applyFont="1" applyBorder="1" applyAlignment="1">
      <alignment horizontal="center" vertical="center"/>
    </xf>
    <xf numFmtId="0" fontId="37" fillId="0" borderId="7" xfId="0" applyFont="1" applyBorder="1" applyAlignment="1">
      <alignment horizontal="justify" vertical="center" wrapText="1"/>
    </xf>
    <xf numFmtId="10" fontId="37" fillId="0" borderId="7" xfId="7" applyNumberFormat="1" applyFont="1" applyBorder="1" applyAlignment="1">
      <alignment horizontal="right" vertical="center" wrapText="1"/>
    </xf>
    <xf numFmtId="0" fontId="37" fillId="0" borderId="8" xfId="0" applyFont="1" applyBorder="1" applyAlignment="1">
      <alignment horizontal="center" vertical="center"/>
    </xf>
    <xf numFmtId="0" fontId="37" fillId="0" borderId="8" xfId="0" applyFont="1" applyBorder="1" applyAlignment="1">
      <alignment horizontal="justify" vertical="center" wrapText="1"/>
    </xf>
    <xf numFmtId="10" fontId="37" fillId="0" borderId="8" xfId="7" applyNumberFormat="1" applyFont="1" applyBorder="1" applyAlignment="1">
      <alignment horizontal="right" vertical="center" wrapText="1"/>
    </xf>
    <xf numFmtId="4" fontId="37" fillId="0" borderId="19" xfId="0" applyNumberFormat="1" applyFont="1" applyBorder="1" applyAlignment="1">
      <alignment horizontal="right" vertical="center" wrapText="1"/>
    </xf>
    <xf numFmtId="0" fontId="37" fillId="0" borderId="25" xfId="0" applyFont="1" applyBorder="1" applyAlignment="1">
      <alignment horizontal="center" vertical="center"/>
    </xf>
    <xf numFmtId="0" fontId="37" fillId="0" borderId="25" xfId="0" applyFont="1" applyBorder="1" applyAlignment="1">
      <alignment horizontal="justify" vertical="center" wrapText="1"/>
    </xf>
    <xf numFmtId="3" fontId="37" fillId="0" borderId="25" xfId="0" applyNumberFormat="1" applyFont="1" applyBorder="1" applyAlignment="1">
      <alignment horizontal="right" vertical="center" wrapText="1"/>
    </xf>
    <xf numFmtId="164" fontId="83" fillId="0" borderId="0" xfId="15" applyNumberFormat="1" applyFont="1" applyAlignment="1">
      <alignment horizontal="right" vertical="center"/>
    </xf>
    <xf numFmtId="3" fontId="22" fillId="0" borderId="0" xfId="15" applyNumberFormat="1" applyFont="1" applyAlignment="1">
      <alignment vertical="center"/>
    </xf>
    <xf numFmtId="0" fontId="22" fillId="0" borderId="0" xfId="15" applyFont="1" applyAlignment="1">
      <alignment vertical="center"/>
    </xf>
    <xf numFmtId="0" fontId="84" fillId="0" borderId="0" xfId="15" applyFont="1" applyAlignment="1">
      <alignment horizontal="left" vertical="center"/>
    </xf>
    <xf numFmtId="0" fontId="85" fillId="0" borderId="0" xfId="15" applyFont="1" applyAlignment="1">
      <alignment vertical="center"/>
    </xf>
    <xf numFmtId="0" fontId="85" fillId="0" borderId="0" xfId="15" applyFont="1" applyAlignment="1">
      <alignment horizontal="left" vertical="center"/>
    </xf>
    <xf numFmtId="14" fontId="24" fillId="7" borderId="0" xfId="15" applyNumberFormat="1" applyFont="1" applyFill="1" applyAlignment="1">
      <alignment horizontal="center" vertical="center"/>
    </xf>
    <xf numFmtId="14" fontId="31" fillId="7" borderId="18" xfId="15" quotePrefix="1" applyNumberFormat="1" applyFont="1" applyFill="1" applyBorder="1" applyAlignment="1">
      <alignment horizontal="right" vertical="center"/>
    </xf>
    <xf numFmtId="14" fontId="31" fillId="7" borderId="0" xfId="15" quotePrefix="1" applyNumberFormat="1" applyFont="1" applyFill="1" applyAlignment="1">
      <alignment horizontal="right" vertical="center"/>
    </xf>
    <xf numFmtId="0" fontId="39" fillId="7" borderId="32" xfId="15" applyFont="1" applyFill="1" applyBorder="1" applyAlignment="1">
      <alignment vertical="center"/>
    </xf>
    <xf numFmtId="3" fontId="39" fillId="7" borderId="32" xfId="15" applyNumberFormat="1" applyFont="1" applyFill="1" applyBorder="1" applyAlignment="1">
      <alignment horizontal="right" vertical="center"/>
    </xf>
    <xf numFmtId="3" fontId="22" fillId="7" borderId="0" xfId="15" applyNumberFormat="1" applyFont="1" applyFill="1" applyAlignment="1">
      <alignment horizontal="right" vertical="center"/>
    </xf>
    <xf numFmtId="168" fontId="31" fillId="0" borderId="0" xfId="15" applyNumberFormat="1" applyFont="1" applyAlignment="1">
      <alignment vertical="center"/>
    </xf>
    <xf numFmtId="0" fontId="39" fillId="7" borderId="20" xfId="15" applyFont="1" applyFill="1" applyBorder="1" applyAlignment="1">
      <alignment vertical="center"/>
    </xf>
    <xf numFmtId="3" fontId="39" fillId="7" borderId="20" xfId="15" applyNumberFormat="1" applyFont="1" applyFill="1" applyBorder="1" applyAlignment="1">
      <alignment horizontal="right" vertical="center"/>
    </xf>
    <xf numFmtId="0" fontId="39" fillId="7" borderId="21" xfId="15" applyFont="1" applyFill="1" applyBorder="1" applyAlignment="1">
      <alignment vertical="center"/>
    </xf>
    <xf numFmtId="3" fontId="61" fillId="7" borderId="21" xfId="15" applyNumberFormat="1" applyFont="1" applyFill="1" applyBorder="1" applyAlignment="1">
      <alignment horizontal="right" vertical="center"/>
    </xf>
    <xf numFmtId="3" fontId="31" fillId="7" borderId="0" xfId="15" applyNumberFormat="1" applyFont="1" applyFill="1" applyAlignment="1">
      <alignment horizontal="right" vertical="center"/>
    </xf>
    <xf numFmtId="168" fontId="22" fillId="0" borderId="0" xfId="15" applyNumberFormat="1" applyFont="1" applyAlignment="1">
      <alignment vertical="center"/>
    </xf>
    <xf numFmtId="0" fontId="61" fillId="7" borderId="21" xfId="15" applyFont="1" applyFill="1" applyBorder="1" applyAlignment="1">
      <alignment vertical="center"/>
    </xf>
    <xf numFmtId="10" fontId="61" fillId="7" borderId="32" xfId="18" applyNumberFormat="1" applyFont="1" applyFill="1" applyBorder="1" applyAlignment="1">
      <alignment horizontal="right" vertical="center"/>
    </xf>
    <xf numFmtId="10" fontId="61" fillId="7" borderId="20" xfId="18" applyNumberFormat="1" applyFont="1" applyFill="1" applyBorder="1" applyAlignment="1">
      <alignment horizontal="right" vertical="center" wrapText="1"/>
    </xf>
    <xf numFmtId="10" fontId="61" fillId="7" borderId="20" xfId="18" applyNumberFormat="1" applyFont="1" applyFill="1" applyBorder="1" applyAlignment="1">
      <alignment horizontal="right" vertical="center"/>
    </xf>
    <xf numFmtId="0" fontId="39" fillId="7" borderId="23" xfId="15" applyFont="1" applyFill="1" applyBorder="1" applyAlignment="1">
      <alignment vertical="center"/>
    </xf>
    <xf numFmtId="10" fontId="61" fillId="7" borderId="23" xfId="19" applyNumberFormat="1" applyFont="1" applyFill="1" applyBorder="1" applyAlignment="1">
      <alignment horizontal="right" vertical="center"/>
    </xf>
    <xf numFmtId="0" fontId="86" fillId="7" borderId="0" xfId="0" applyFont="1" applyFill="1" applyAlignment="1">
      <alignment horizontal="left" vertical="center"/>
    </xf>
    <xf numFmtId="0" fontId="57" fillId="7" borderId="0" xfId="0" applyFont="1" applyFill="1" applyAlignment="1">
      <alignment horizontal="left" vertical="center"/>
    </xf>
    <xf numFmtId="0" fontId="87" fillId="0" borderId="0" xfId="0" applyFont="1" applyAlignment="1">
      <alignment horizontal="center"/>
    </xf>
    <xf numFmtId="0" fontId="20" fillId="0" borderId="0" xfId="0" applyFont="1"/>
    <xf numFmtId="0" fontId="33" fillId="0" borderId="17" xfId="6" applyFont="1" applyFill="1" applyBorder="1" applyAlignment="1">
      <alignment horizontal="center" vertical="center"/>
    </xf>
    <xf numFmtId="0" fontId="2" fillId="0" borderId="0" xfId="0" applyFont="1" applyAlignment="1">
      <alignment horizontal="left" vertical="center"/>
    </xf>
    <xf numFmtId="0" fontId="2" fillId="7" borderId="0" xfId="0" applyFont="1" applyFill="1" applyAlignment="1">
      <alignment horizontal="left" vertical="center"/>
    </xf>
    <xf numFmtId="0" fontId="28" fillId="0" borderId="17" xfId="0" applyFont="1" applyBorder="1" applyAlignment="1">
      <alignment horizontal="left" vertical="center"/>
    </xf>
    <xf numFmtId="0" fontId="28" fillId="7" borderId="17" xfId="0" applyFont="1" applyFill="1" applyBorder="1" applyAlignment="1">
      <alignment horizontal="left" vertical="center"/>
    </xf>
    <xf numFmtId="0" fontId="28" fillId="7" borderId="17" xfId="0" applyFont="1" applyFill="1" applyBorder="1" applyAlignment="1">
      <alignment horizontal="left" vertical="center" wrapText="1"/>
    </xf>
    <xf numFmtId="10" fontId="39" fillId="7" borderId="0" xfId="0" applyNumberFormat="1" applyFont="1" applyFill="1" applyAlignment="1">
      <alignment horizontal="center" vertical="center" wrapText="1"/>
    </xf>
    <xf numFmtId="3" fontId="88" fillId="7" borderId="22" xfId="0" applyNumberFormat="1" applyFont="1" applyFill="1" applyBorder="1" applyAlignment="1">
      <alignment horizontal="center" vertical="center" wrapText="1"/>
    </xf>
    <xf numFmtId="10" fontId="88" fillId="7" borderId="22" xfId="0" applyNumberFormat="1" applyFont="1" applyFill="1" applyBorder="1" applyAlignment="1">
      <alignment horizontal="center" vertical="center" wrapText="1"/>
    </xf>
    <xf numFmtId="3" fontId="39" fillId="0" borderId="25" xfId="0" applyNumberFormat="1" applyFont="1" applyBorder="1" applyAlignment="1">
      <alignment horizontal="center" vertical="center" wrapText="1"/>
    </xf>
    <xf numFmtId="3" fontId="39" fillId="0" borderId="76" xfId="0" applyNumberFormat="1" applyFont="1" applyBorder="1" applyAlignment="1">
      <alignment horizontal="center" vertical="center" wrapText="1"/>
    </xf>
    <xf numFmtId="0" fontId="39" fillId="0" borderId="76" xfId="0" applyFont="1" applyBorder="1" applyAlignment="1">
      <alignment horizontal="center" vertical="center" wrapText="1"/>
    </xf>
    <xf numFmtId="10" fontId="39" fillId="7" borderId="32" xfId="7" applyNumberFormat="1" applyFont="1" applyFill="1" applyBorder="1" applyAlignment="1">
      <alignment horizontal="center" vertical="center" wrapText="1"/>
    </xf>
    <xf numFmtId="10" fontId="39" fillId="7" borderId="20" xfId="7" applyNumberFormat="1" applyFont="1" applyFill="1" applyBorder="1" applyAlignment="1">
      <alignment horizontal="center" vertical="center" wrapText="1"/>
    </xf>
    <xf numFmtId="10" fontId="61" fillId="7" borderId="20" xfId="7" applyNumberFormat="1" applyFont="1" applyFill="1" applyBorder="1" applyAlignment="1">
      <alignment horizontal="center" vertical="center" wrapText="1"/>
    </xf>
    <xf numFmtId="10" fontId="61" fillId="7" borderId="25" xfId="7" applyNumberFormat="1" applyFont="1" applyFill="1" applyBorder="1" applyAlignment="1">
      <alignment horizontal="center" vertical="center" wrapText="1"/>
    </xf>
    <xf numFmtId="10" fontId="61" fillId="0" borderId="22" xfId="7" applyNumberFormat="1" applyFont="1" applyBorder="1" applyAlignment="1">
      <alignment horizontal="center" vertical="center" wrapText="1"/>
    </xf>
    <xf numFmtId="10" fontId="26" fillId="0" borderId="0" xfId="0" applyNumberFormat="1" applyFont="1"/>
    <xf numFmtId="4" fontId="26" fillId="0" borderId="0" xfId="0" applyNumberFormat="1" applyFont="1"/>
    <xf numFmtId="10" fontId="26" fillId="0" borderId="0" xfId="7" applyNumberFormat="1" applyFont="1"/>
    <xf numFmtId="9" fontId="26" fillId="0" borderId="0" xfId="0" applyNumberFormat="1" applyFont="1"/>
    <xf numFmtId="3" fontId="39" fillId="0" borderId="20" xfId="32" applyNumberFormat="1" applyFont="1" applyBorder="1" applyAlignment="1">
      <alignment horizontal="center" vertical="center" wrapText="1"/>
    </xf>
    <xf numFmtId="3" fontId="39" fillId="5" borderId="25" xfId="32" applyNumberFormat="1" applyFont="1" applyFill="1" applyBorder="1" applyAlignment="1">
      <alignment horizontal="center" vertical="center" wrapText="1"/>
    </xf>
    <xf numFmtId="3" fontId="39" fillId="0" borderId="25" xfId="32" applyNumberFormat="1" applyFont="1" applyBorder="1" applyAlignment="1">
      <alignment horizontal="center" vertical="center" wrapText="1"/>
    </xf>
    <xf numFmtId="3" fontId="39" fillId="5" borderId="0" xfId="32" applyNumberFormat="1" applyFont="1" applyFill="1" applyAlignment="1">
      <alignment horizontal="center" vertical="center" wrapText="1"/>
    </xf>
    <xf numFmtId="3" fontId="39" fillId="0" borderId="0" xfId="32" applyNumberFormat="1" applyFont="1"/>
    <xf numFmtId="3" fontId="39" fillId="0" borderId="23" xfId="32" applyNumberFormat="1" applyFont="1" applyBorder="1" applyAlignment="1">
      <alignment horizontal="center" vertical="center" wrapText="1"/>
    </xf>
    <xf numFmtId="3" fontId="39" fillId="5" borderId="27" xfId="32" applyNumberFormat="1" applyFont="1" applyFill="1" applyBorder="1" applyAlignment="1">
      <alignment horizontal="center" vertical="center" wrapText="1"/>
    </xf>
    <xf numFmtId="3" fontId="39" fillId="0" borderId="27" xfId="32" applyNumberFormat="1" applyFont="1" applyBorder="1"/>
    <xf numFmtId="0" fontId="39" fillId="0" borderId="0" xfId="0" applyFont="1" applyAlignment="1">
      <alignment horizontal="left" vertical="center" wrapText="1"/>
    </xf>
    <xf numFmtId="10" fontId="1" fillId="0" borderId="42" xfId="7" quotePrefix="1" applyNumberFormat="1" applyFont="1" applyFill="1" applyBorder="1" applyAlignment="1">
      <alignment horizontal="right" vertical="center" wrapText="1"/>
    </xf>
    <xf numFmtId="10" fontId="1" fillId="0" borderId="28" xfId="7" quotePrefix="1" applyNumberFormat="1" applyFont="1" applyFill="1" applyBorder="1" applyAlignment="1">
      <alignment horizontal="right" vertical="center" wrapText="1"/>
    </xf>
    <xf numFmtId="0" fontId="20" fillId="0" borderId="0" xfId="35" applyFont="1" applyAlignment="1">
      <alignment horizontal="center" vertical="center" wrapText="1"/>
    </xf>
    <xf numFmtId="0" fontId="31" fillId="0" borderId="43" xfId="35" quotePrefix="1" applyFont="1" applyBorder="1" applyAlignment="1">
      <alignment horizontal="center" vertical="center" wrapText="1"/>
    </xf>
    <xf numFmtId="0" fontId="31" fillId="0" borderId="26" xfId="35" quotePrefix="1" applyFont="1" applyBorder="1" applyAlignment="1">
      <alignment horizontal="center" vertical="center" wrapText="1"/>
    </xf>
    <xf numFmtId="10" fontId="22" fillId="0" borderId="61" xfId="39" applyNumberFormat="1" applyFont="1" applyFill="1" applyBorder="1" applyAlignment="1">
      <alignment horizontal="center" vertical="center"/>
    </xf>
    <xf numFmtId="10" fontId="22" fillId="0" borderId="69" xfId="39" applyNumberFormat="1" applyFont="1" applyFill="1" applyBorder="1" applyAlignment="1">
      <alignment horizontal="center" vertical="center"/>
    </xf>
    <xf numFmtId="0" fontId="31" fillId="0" borderId="26" xfId="0" applyFont="1" applyBorder="1" applyAlignment="1">
      <alignment horizontal="left" vertical="center" wrapText="1"/>
    </xf>
    <xf numFmtId="0" fontId="25" fillId="0" borderId="0" xfId="15" applyFont="1" applyAlignment="1">
      <alignment horizontal="left" vertical="center"/>
    </xf>
    <xf numFmtId="14" fontId="31" fillId="7" borderId="0" xfId="15" applyNumberFormat="1" applyFont="1" applyFill="1" applyAlignment="1">
      <alignment horizontal="center" vertical="center"/>
    </xf>
    <xf numFmtId="0" fontId="28" fillId="7" borderId="0" xfId="15" applyFont="1" applyFill="1" applyAlignment="1">
      <alignment horizontal="left" vertical="center"/>
    </xf>
    <xf numFmtId="0" fontId="37" fillId="7" borderId="0" xfId="15" applyFont="1" applyFill="1" applyAlignment="1">
      <alignment horizontal="justify" vertical="center" wrapText="1"/>
    </xf>
    <xf numFmtId="0" fontId="33" fillId="0" borderId="0" xfId="0" applyFont="1" applyAlignment="1">
      <alignment horizontal="left" vertical="center" wrapText="1"/>
    </xf>
    <xf numFmtId="0" fontId="33" fillId="0" borderId="26" xfId="0" applyFont="1" applyBorder="1" applyAlignment="1">
      <alignment horizontal="left" vertical="center" wrapText="1"/>
    </xf>
    <xf numFmtId="0" fontId="32" fillId="0" borderId="0" xfId="0" applyFont="1" applyAlignment="1">
      <alignment vertical="center" wrapText="1"/>
    </xf>
    <xf numFmtId="0" fontId="31" fillId="0" borderId="0" xfId="0" applyFont="1" applyAlignment="1">
      <alignment horizontal="center" vertical="center" wrapText="1"/>
    </xf>
    <xf numFmtId="0" fontId="37" fillId="0" borderId="0" xfId="0" applyFont="1" applyAlignment="1">
      <alignment horizontal="center" vertical="center" wrapText="1"/>
    </xf>
    <xf numFmtId="0" fontId="71" fillId="6" borderId="35" xfId="0" applyFont="1" applyFill="1" applyBorder="1" applyAlignment="1">
      <alignment horizontal="center" vertical="center" wrapText="1"/>
    </xf>
    <xf numFmtId="0" fontId="71" fillId="6" borderId="36" xfId="0" applyFont="1" applyFill="1" applyBorder="1" applyAlignment="1">
      <alignment horizontal="center" vertical="center" wrapText="1"/>
    </xf>
    <xf numFmtId="0" fontId="71" fillId="6" borderId="38" xfId="0" applyFont="1" applyFill="1" applyBorder="1" applyAlignment="1">
      <alignment horizontal="center" vertical="center" wrapText="1"/>
    </xf>
    <xf numFmtId="0" fontId="71" fillId="6" borderId="37" xfId="0" applyFont="1" applyFill="1" applyBorder="1" applyAlignment="1">
      <alignment horizontal="center" vertical="center" wrapText="1"/>
    </xf>
    <xf numFmtId="0" fontId="28" fillId="0" borderId="0" xfId="0" applyFont="1" applyAlignment="1">
      <alignment vertical="center" wrapText="1"/>
    </xf>
    <xf numFmtId="0" fontId="31" fillId="0" borderId="40" xfId="0" applyFont="1" applyBorder="1" applyAlignment="1">
      <alignment horizontal="center" vertical="center" wrapText="1"/>
    </xf>
    <xf numFmtId="0" fontId="31" fillId="0" borderId="31" xfId="0" applyFont="1" applyBorder="1" applyAlignment="1">
      <alignment horizontal="center" vertical="center" wrapText="1"/>
    </xf>
    <xf numFmtId="0" fontId="31" fillId="0" borderId="0" xfId="0" applyFont="1" applyAlignment="1">
      <alignment horizontal="center" vertical="center"/>
    </xf>
    <xf numFmtId="0" fontId="31" fillId="0" borderId="27" xfId="0" applyFont="1" applyBorder="1" applyAlignment="1">
      <alignment horizontal="center" vertical="center"/>
    </xf>
    <xf numFmtId="0" fontId="31" fillId="0" borderId="0" xfId="0" applyFont="1" applyAlignment="1">
      <alignment vertical="center" wrapText="1"/>
    </xf>
    <xf numFmtId="0" fontId="31" fillId="0" borderId="18" xfId="0" applyFont="1" applyBorder="1" applyAlignment="1">
      <alignment horizontal="center" vertical="center" wrapText="1"/>
    </xf>
    <xf numFmtId="0" fontId="31" fillId="0" borderId="50" xfId="0" applyFont="1" applyBorder="1" applyAlignment="1">
      <alignment horizontal="center" vertical="center" wrapText="1"/>
    </xf>
    <xf numFmtId="0" fontId="31" fillId="0" borderId="51" xfId="0" applyFont="1" applyBorder="1" applyAlignment="1">
      <alignment horizontal="center" vertical="center" wrapText="1"/>
    </xf>
    <xf numFmtId="0" fontId="31" fillId="0" borderId="52" xfId="0" applyFont="1" applyBorder="1" applyAlignment="1">
      <alignment horizontal="center" vertical="center" wrapText="1"/>
    </xf>
    <xf numFmtId="0" fontId="31" fillId="0" borderId="53" xfId="0" applyFont="1" applyBorder="1" applyAlignment="1">
      <alignment horizontal="center" vertical="center" wrapText="1"/>
    </xf>
    <xf numFmtId="0" fontId="31" fillId="0" borderId="4" xfId="0" applyFont="1" applyBorder="1" applyAlignment="1">
      <alignment horizontal="center" vertical="center" wrapText="1"/>
    </xf>
    <xf numFmtId="0" fontId="31" fillId="0" borderId="5" xfId="0" applyFont="1" applyBorder="1" applyAlignment="1">
      <alignment horizontal="center" vertical="center" wrapText="1"/>
    </xf>
    <xf numFmtId="0" fontId="31" fillId="0" borderId="18" xfId="0" applyFont="1" applyBorder="1" applyAlignment="1">
      <alignment horizontal="center"/>
    </xf>
    <xf numFmtId="0" fontId="31" fillId="0" borderId="30" xfId="42" applyFont="1" applyBorder="1" applyAlignment="1">
      <alignment horizontal="left" vertical="center" wrapText="1"/>
    </xf>
    <xf numFmtId="0" fontId="25" fillId="0" borderId="0" xfId="0" applyFont="1" applyAlignment="1">
      <alignment horizontal="left"/>
    </xf>
    <xf numFmtId="9" fontId="31" fillId="0" borderId="10" xfId="0" applyNumberFormat="1" applyFont="1" applyBorder="1" applyAlignment="1">
      <alignment horizontal="center" vertical="center" wrapText="1"/>
    </xf>
    <xf numFmtId="9" fontId="31" fillId="0" borderId="5" xfId="0" applyNumberFormat="1" applyFont="1" applyBorder="1" applyAlignment="1">
      <alignment horizontal="center" vertical="center" wrapText="1"/>
    </xf>
    <xf numFmtId="0" fontId="22" fillId="0" borderId="0" xfId="0" applyFont="1" applyAlignment="1">
      <alignment vertical="center" wrapText="1"/>
    </xf>
    <xf numFmtId="0" fontId="71" fillId="0" borderId="0" xfId="0" applyFont="1" applyAlignment="1">
      <alignment horizontal="center" vertical="center" wrapText="1"/>
    </xf>
    <xf numFmtId="0" fontId="71" fillId="7" borderId="0" xfId="0" applyFont="1" applyFill="1" applyAlignment="1">
      <alignment horizontal="center" vertical="center" wrapText="1"/>
    </xf>
    <xf numFmtId="0" fontId="71" fillId="7" borderId="18" xfId="0" applyFont="1" applyFill="1" applyBorder="1" applyAlignment="1">
      <alignment horizontal="center" vertical="center" wrapText="1"/>
    </xf>
    <xf numFmtId="0" fontId="71" fillId="7" borderId="24" xfId="0" applyFont="1" applyFill="1" applyBorder="1" applyAlignment="1">
      <alignment horizontal="center" vertical="center" wrapText="1"/>
    </xf>
    <xf numFmtId="0" fontId="39" fillId="0" borderId="20" xfId="0" applyFont="1" applyBorder="1" applyAlignment="1">
      <alignment horizontal="center" vertical="center" wrapText="1"/>
    </xf>
    <xf numFmtId="0" fontId="39" fillId="0" borderId="21" xfId="0" applyFont="1" applyBorder="1" applyAlignment="1">
      <alignment horizontal="center" vertical="center" wrapText="1"/>
    </xf>
    <xf numFmtId="0" fontId="31" fillId="0" borderId="24" xfId="0" applyFont="1" applyBorder="1" applyAlignment="1">
      <alignment horizontal="center" vertical="center" wrapText="1"/>
    </xf>
    <xf numFmtId="0" fontId="31" fillId="0" borderId="27" xfId="0" applyFont="1" applyBorder="1" applyAlignment="1">
      <alignment horizontal="center" vertical="center" wrapText="1"/>
    </xf>
    <xf numFmtId="0" fontId="31" fillId="0" borderId="24" xfId="0" applyFont="1" applyBorder="1" applyAlignment="1">
      <alignment horizontal="center" wrapText="1"/>
    </xf>
    <xf numFmtId="0" fontId="39" fillId="0" borderId="32" xfId="0" applyFont="1" applyBorder="1" applyAlignment="1">
      <alignment horizontal="center" vertical="center" wrapText="1"/>
    </xf>
    <xf numFmtId="0" fontId="27" fillId="0" borderId="0" xfId="0" applyFont="1" applyAlignment="1">
      <alignment horizontal="center" vertical="center"/>
    </xf>
    <xf numFmtId="0" fontId="27" fillId="0" borderId="27" xfId="0" applyFont="1" applyBorder="1" applyAlignment="1">
      <alignment horizontal="center" vertical="center"/>
    </xf>
    <xf numFmtId="0" fontId="27" fillId="0" borderId="24" xfId="0" applyFont="1" applyBorder="1" applyAlignment="1">
      <alignment horizontal="center"/>
    </xf>
    <xf numFmtId="0" fontId="27" fillId="0" borderId="0" xfId="0" applyFont="1" applyAlignment="1">
      <alignment horizontal="center"/>
    </xf>
    <xf numFmtId="0" fontId="31" fillId="0" borderId="47" xfId="0" applyFont="1" applyBorder="1" applyAlignment="1">
      <alignment horizontal="center" vertical="center" wrapText="1"/>
    </xf>
    <xf numFmtId="0" fontId="31" fillId="0" borderId="48" xfId="0" applyFont="1" applyBorder="1" applyAlignment="1">
      <alignment horizontal="center" vertical="center"/>
    </xf>
    <xf numFmtId="0" fontId="31" fillId="0" borderId="48" xfId="0" applyFont="1" applyBorder="1" applyAlignment="1">
      <alignment horizontal="center" vertical="center" wrapText="1"/>
    </xf>
    <xf numFmtId="0" fontId="31" fillId="0" borderId="49" xfId="0" applyFont="1" applyBorder="1" applyAlignment="1">
      <alignment horizontal="center" vertical="center" wrapText="1"/>
    </xf>
    <xf numFmtId="0" fontId="27" fillId="0" borderId="47" xfId="0" applyFont="1" applyBorder="1" applyAlignment="1">
      <alignment horizontal="center" vertical="center" wrapText="1"/>
    </xf>
    <xf numFmtId="0" fontId="27" fillId="0" borderId="48" xfId="0" applyFont="1" applyBorder="1" applyAlignment="1">
      <alignment horizontal="center" vertical="center"/>
    </xf>
    <xf numFmtId="0" fontId="27" fillId="0" borderId="48" xfId="0" applyFont="1" applyBorder="1" applyAlignment="1">
      <alignment horizontal="center" vertical="center" wrapText="1"/>
    </xf>
    <xf numFmtId="0" fontId="27" fillId="0" borderId="49" xfId="0" applyFont="1" applyBorder="1" applyAlignment="1">
      <alignment horizontal="center" vertical="center"/>
    </xf>
    <xf numFmtId="0" fontId="71" fillId="0" borderId="43" xfId="0" applyFont="1" applyBorder="1" applyAlignment="1">
      <alignment horizontal="center" vertical="center" wrapText="1"/>
    </xf>
    <xf numFmtId="0" fontId="71" fillId="0" borderId="33" xfId="0" applyFont="1" applyBorder="1" applyAlignment="1">
      <alignment horizontal="center" vertical="center" wrapText="1"/>
    </xf>
    <xf numFmtId="0" fontId="52" fillId="0" borderId="0" xfId="0" applyFont="1"/>
    <xf numFmtId="0" fontId="27" fillId="0" borderId="24" xfId="0" applyFont="1" applyBorder="1" applyAlignment="1">
      <alignment horizontal="center" vertical="center" wrapText="1"/>
    </xf>
    <xf numFmtId="0" fontId="27" fillId="0" borderId="0" xfId="0" applyFont="1" applyAlignment="1">
      <alignment horizontal="center" vertical="center" wrapText="1"/>
    </xf>
    <xf numFmtId="0" fontId="27" fillId="0" borderId="27" xfId="0" applyFont="1" applyBorder="1" applyAlignment="1">
      <alignment horizontal="center" vertical="center" wrapText="1"/>
    </xf>
    <xf numFmtId="0" fontId="27" fillId="7" borderId="0" xfId="0" applyFont="1" applyFill="1" applyAlignment="1">
      <alignment vertical="center" wrapText="1"/>
    </xf>
    <xf numFmtId="0" fontId="27" fillId="7" borderId="27" xfId="0" applyFont="1" applyFill="1" applyBorder="1" applyAlignment="1">
      <alignment vertical="center" wrapText="1"/>
    </xf>
    <xf numFmtId="0" fontId="39" fillId="6" borderId="21" xfId="0" applyFont="1" applyFill="1" applyBorder="1" applyAlignment="1">
      <alignment horizontal="left" vertical="center" wrapText="1" indent="2"/>
    </xf>
    <xf numFmtId="0" fontId="61" fillId="0" borderId="22" xfId="0" applyFont="1" applyBorder="1" applyAlignment="1">
      <alignment vertical="center" wrapText="1"/>
    </xf>
    <xf numFmtId="0" fontId="39" fillId="0" borderId="32" xfId="0" applyFont="1" applyBorder="1" applyAlignment="1">
      <alignment vertical="center" wrapText="1"/>
    </xf>
    <xf numFmtId="0" fontId="39" fillId="0" borderId="20" xfId="0" applyFont="1" applyBorder="1" applyAlignment="1">
      <alignment vertical="center" wrapText="1"/>
    </xf>
    <xf numFmtId="0" fontId="39" fillId="6" borderId="20" xfId="0" applyFont="1" applyFill="1" applyBorder="1" applyAlignment="1">
      <alignment horizontal="left" vertical="center" wrapText="1" indent="2"/>
    </xf>
    <xf numFmtId="0" fontId="22" fillId="0" borderId="0" xfId="0" applyFont="1"/>
    <xf numFmtId="0" fontId="65" fillId="0" borderId="0" xfId="0" applyFont="1"/>
    <xf numFmtId="0" fontId="31" fillId="0" borderId="24" xfId="0" applyFont="1" applyBorder="1" applyAlignment="1">
      <alignment horizontal="center" vertical="center"/>
    </xf>
    <xf numFmtId="0" fontId="31" fillId="0" borderId="24" xfId="0" applyFont="1" applyBorder="1" applyAlignment="1">
      <alignment horizontal="left" vertical="center"/>
    </xf>
    <xf numFmtId="0" fontId="25" fillId="0" borderId="0" xfId="0" applyFont="1" applyAlignment="1">
      <alignment wrapText="1"/>
    </xf>
    <xf numFmtId="0" fontId="63" fillId="0" borderId="0" xfId="0" applyFont="1" applyAlignment="1">
      <alignment wrapText="1"/>
    </xf>
    <xf numFmtId="0" fontId="31" fillId="7" borderId="22" xfId="0" applyFont="1" applyFill="1" applyBorder="1" applyAlignment="1">
      <alignment horizontal="center" vertical="center"/>
    </xf>
    <xf numFmtId="0" fontId="22" fillId="0" borderId="0" xfId="0" applyFont="1" applyAlignment="1">
      <alignment horizontal="center"/>
    </xf>
    <xf numFmtId="0" fontId="31" fillId="7" borderId="27" xfId="0" applyFont="1" applyFill="1" applyBorder="1" applyAlignment="1">
      <alignment horizontal="center" vertical="center"/>
    </xf>
    <xf numFmtId="0" fontId="31" fillId="7" borderId="22" xfId="0" applyFont="1" applyFill="1" applyBorder="1" applyAlignment="1">
      <alignment horizontal="left" vertical="center" wrapText="1"/>
    </xf>
    <xf numFmtId="0" fontId="39" fillId="5" borderId="43" xfId="0" applyFont="1" applyFill="1" applyBorder="1" applyAlignment="1">
      <alignment horizontal="center" vertical="center"/>
    </xf>
    <xf numFmtId="0" fontId="39" fillId="5" borderId="0" xfId="0" applyFont="1" applyFill="1" applyAlignment="1">
      <alignment horizontal="center" vertical="center"/>
    </xf>
    <xf numFmtId="0" fontId="39" fillId="5" borderId="27" xfId="0" applyFont="1" applyFill="1" applyBorder="1" applyAlignment="1">
      <alignment horizontal="center" vertical="center"/>
    </xf>
    <xf numFmtId="3" fontId="39" fillId="6" borderId="20" xfId="0" applyNumberFormat="1" applyFont="1" applyFill="1" applyBorder="1" applyAlignment="1">
      <alignment vertical="center" wrapText="1"/>
    </xf>
    <xf numFmtId="3" fontId="39" fillId="6" borderId="21" xfId="0" applyNumberFormat="1" applyFont="1" applyFill="1" applyBorder="1" applyAlignment="1">
      <alignment vertical="center" wrapText="1"/>
    </xf>
    <xf numFmtId="0" fontId="39" fillId="6" borderId="20" xfId="0" applyFont="1" applyFill="1" applyBorder="1" applyAlignment="1">
      <alignment horizontal="center" vertical="center" wrapText="1"/>
    </xf>
    <xf numFmtId="0" fontId="39" fillId="6" borderId="21" xfId="0" applyFont="1" applyFill="1" applyBorder="1" applyAlignment="1">
      <alignment horizontal="center" vertical="center" wrapText="1"/>
    </xf>
    <xf numFmtId="0" fontId="39" fillId="6" borderId="20" xfId="0" applyFont="1" applyFill="1" applyBorder="1" applyAlignment="1">
      <alignment vertical="center" wrapText="1"/>
    </xf>
    <xf numFmtId="0" fontId="39" fillId="6" borderId="21" xfId="0" applyFont="1" applyFill="1" applyBorder="1" applyAlignment="1">
      <alignment vertical="center" wrapText="1"/>
    </xf>
    <xf numFmtId="3" fontId="39" fillId="7" borderId="20" xfId="0" applyNumberFormat="1" applyFont="1" applyFill="1" applyBorder="1" applyAlignment="1">
      <alignment vertical="center" wrapText="1"/>
    </xf>
    <xf numFmtId="3" fontId="39" fillId="5" borderId="0" xfId="0" applyNumberFormat="1" applyFont="1" applyFill="1" applyAlignment="1">
      <alignment vertical="center" wrapText="1"/>
    </xf>
    <xf numFmtId="3" fontId="39" fillId="5" borderId="41" xfId="0" applyNumberFormat="1" applyFont="1" applyFill="1" applyBorder="1" applyAlignment="1">
      <alignment vertical="center" wrapText="1"/>
    </xf>
    <xf numFmtId="3" fontId="39" fillId="5" borderId="21" xfId="0" applyNumberFormat="1" applyFont="1" applyFill="1" applyBorder="1" applyAlignment="1">
      <alignment vertical="center" wrapText="1"/>
    </xf>
    <xf numFmtId="3" fontId="39" fillId="5" borderId="25" xfId="0" applyNumberFormat="1" applyFont="1" applyFill="1" applyBorder="1" applyAlignment="1">
      <alignment vertical="center" wrapText="1"/>
    </xf>
    <xf numFmtId="3" fontId="67" fillId="5" borderId="20" xfId="0" applyNumberFormat="1" applyFont="1" applyFill="1" applyBorder="1" applyAlignment="1">
      <alignment vertical="center" wrapText="1"/>
    </xf>
    <xf numFmtId="0" fontId="31" fillId="6" borderId="24" xfId="0" applyFont="1" applyFill="1" applyBorder="1" applyAlignment="1">
      <alignment horizontal="center" vertical="center" wrapText="1"/>
    </xf>
    <xf numFmtId="166" fontId="39" fillId="0" borderId="20" xfId="30" applyNumberFormat="1" applyFont="1" applyBorder="1" applyAlignment="1">
      <alignment vertical="center" wrapText="1"/>
    </xf>
    <xf numFmtId="166" fontId="39" fillId="0" borderId="20" xfId="30" applyNumberFormat="1" applyFont="1" applyFill="1" applyBorder="1" applyAlignment="1">
      <alignment vertical="center" wrapText="1"/>
    </xf>
    <xf numFmtId="0" fontId="22" fillId="0" borderId="0" xfId="0" applyFont="1" applyAlignment="1">
      <alignment vertical="center"/>
    </xf>
    <xf numFmtId="0" fontId="31" fillId="0" borderId="22" xfId="0" applyFont="1" applyBorder="1" applyAlignment="1">
      <alignment horizontal="center" vertical="center" wrapText="1"/>
    </xf>
    <xf numFmtId="0" fontId="62" fillId="0" borderId="11" xfId="0" applyFont="1" applyBorder="1" applyAlignment="1">
      <alignment horizontal="center" vertical="center" wrapText="1"/>
    </xf>
    <xf numFmtId="0" fontId="62" fillId="0" borderId="14" xfId="0" applyFont="1" applyBorder="1" applyAlignment="1">
      <alignment horizontal="center" vertical="center" wrapText="1"/>
    </xf>
    <xf numFmtId="0" fontId="62" fillId="0" borderId="12" xfId="0" applyFont="1" applyBorder="1" applyAlignment="1">
      <alignment horizontal="center" vertical="center" wrapText="1"/>
    </xf>
    <xf numFmtId="0" fontId="26" fillId="0" borderId="3" xfId="0" applyFont="1" applyBorder="1" applyAlignment="1">
      <alignment horizontal="left" vertical="center" wrapText="1"/>
    </xf>
    <xf numFmtId="0" fontId="26" fillId="0" borderId="13" xfId="0" applyFont="1" applyBorder="1" applyAlignment="1">
      <alignment horizontal="left" vertical="center" wrapText="1"/>
    </xf>
    <xf numFmtId="0" fontId="26" fillId="0" borderId="15" xfId="0" applyFont="1" applyBorder="1" applyAlignment="1">
      <alignment horizontal="left" vertical="center" wrapText="1"/>
    </xf>
    <xf numFmtId="0" fontId="26" fillId="0" borderId="16" xfId="0" applyFont="1" applyBorder="1" applyAlignment="1">
      <alignment horizontal="left" vertical="center" wrapText="1"/>
    </xf>
    <xf numFmtId="0" fontId="65" fillId="0" borderId="0" xfId="0" applyFont="1" applyAlignment="1">
      <alignment vertical="center" wrapText="1"/>
    </xf>
    <xf numFmtId="0" fontId="54" fillId="0" borderId="43" xfId="3" applyFont="1" applyBorder="1" applyAlignment="1">
      <alignment horizontal="center" vertical="center" wrapText="1"/>
    </xf>
    <xf numFmtId="0" fontId="22" fillId="7" borderId="0" xfId="0" applyFont="1" applyFill="1" applyAlignment="1">
      <alignment horizontal="left" vertical="center" wrapText="1"/>
    </xf>
    <xf numFmtId="0" fontId="22" fillId="7" borderId="66" xfId="0" applyFont="1" applyFill="1" applyBorder="1" applyAlignment="1">
      <alignment horizontal="center" vertical="center" wrapText="1"/>
    </xf>
    <xf numFmtId="0" fontId="22" fillId="7" borderId="65" xfId="0" applyFont="1" applyFill="1" applyBorder="1" applyAlignment="1">
      <alignment horizontal="center" vertical="center" wrapText="1"/>
    </xf>
    <xf numFmtId="0" fontId="31" fillId="7" borderId="43" xfId="0" applyFont="1" applyFill="1" applyBorder="1" applyAlignment="1">
      <alignment horizontal="center" vertical="center" wrapText="1"/>
    </xf>
    <xf numFmtId="0" fontId="31" fillId="7" borderId="67" xfId="0" applyFont="1" applyFill="1" applyBorder="1" applyAlignment="1">
      <alignment horizontal="center" vertical="center" wrapText="1"/>
    </xf>
    <xf numFmtId="0" fontId="31" fillId="7" borderId="68" xfId="0" applyFont="1" applyFill="1" applyBorder="1" applyAlignment="1">
      <alignment horizontal="center" vertical="center" wrapText="1"/>
    </xf>
    <xf numFmtId="0" fontId="22" fillId="7" borderId="43" xfId="0" applyFont="1" applyFill="1" applyBorder="1" applyAlignment="1">
      <alignment horizontal="center" vertical="center" wrapText="1"/>
    </xf>
    <xf numFmtId="0" fontId="22" fillId="7" borderId="0" xfId="0" applyFont="1" applyFill="1" applyAlignment="1">
      <alignment horizontal="center" vertical="center" wrapText="1"/>
    </xf>
    <xf numFmtId="0" fontId="30" fillId="0" borderId="0" xfId="4" applyFont="1" applyFill="1" applyBorder="1" applyAlignment="1">
      <alignment horizontal="left" vertical="center" wrapText="1"/>
    </xf>
    <xf numFmtId="0" fontId="22" fillId="7" borderId="33" xfId="0" applyFont="1" applyFill="1" applyBorder="1" applyAlignment="1">
      <alignment horizontal="center" vertical="center" wrapText="1"/>
    </xf>
    <xf numFmtId="0" fontId="22" fillId="7" borderId="43" xfId="0" applyFont="1" applyFill="1" applyBorder="1" applyAlignment="1">
      <alignment horizontal="center" vertical="center"/>
    </xf>
    <xf numFmtId="0" fontId="22" fillId="0" borderId="0" xfId="0" applyFont="1" applyAlignment="1">
      <alignment horizontal="center" vertical="center" wrapText="1"/>
    </xf>
    <xf numFmtId="0" fontId="22" fillId="0" borderId="33" xfId="0" applyFont="1" applyBorder="1" applyAlignment="1">
      <alignment horizontal="center" vertical="center" wrapText="1"/>
    </xf>
    <xf numFmtId="17" fontId="31" fillId="0" borderId="0" xfId="0" quotePrefix="1" applyNumberFormat="1" applyFont="1" applyAlignment="1">
      <alignment horizontal="center" vertical="center" wrapText="1"/>
    </xf>
    <xf numFmtId="17" fontId="31" fillId="0" borderId="0" xfId="0" applyNumberFormat="1" applyFont="1" applyAlignment="1">
      <alignment horizontal="center" vertical="center" wrapText="1"/>
    </xf>
    <xf numFmtId="0" fontId="22" fillId="0" borderId="20" xfId="32" applyFont="1" applyBorder="1" applyAlignment="1">
      <alignment horizontal="center" vertical="center" wrapText="1"/>
    </xf>
    <xf numFmtId="0" fontId="22" fillId="0" borderId="20" xfId="32" applyFont="1" applyBorder="1" applyAlignment="1">
      <alignment horizontal="left" vertical="center" wrapText="1"/>
    </xf>
    <xf numFmtId="0" fontId="22" fillId="0" borderId="23" xfId="32" quotePrefix="1" applyFont="1" applyBorder="1" applyAlignment="1">
      <alignment horizontal="center" vertical="center" wrapText="1"/>
    </xf>
    <xf numFmtId="0" fontId="22" fillId="0" borderId="23" xfId="32" applyFont="1" applyBorder="1" applyAlignment="1">
      <alignment horizontal="left" vertical="center" wrapText="1"/>
    </xf>
    <xf numFmtId="0" fontId="27" fillId="0" borderId="62" xfId="3" quotePrefix="1" applyFont="1" applyBorder="1" applyAlignment="1">
      <alignment horizontal="center" vertical="center"/>
    </xf>
    <xf numFmtId="0" fontId="27" fillId="0" borderId="62" xfId="3" applyFont="1" applyBorder="1" applyAlignment="1">
      <alignment horizontal="left" vertical="center" wrapText="1" indent="1"/>
    </xf>
    <xf numFmtId="3" fontId="27" fillId="0" borderId="62" xfId="5" applyFont="1" applyFill="1" applyBorder="1" applyAlignment="1">
      <alignment horizontal="right" vertical="center" indent="1"/>
      <protection locked="0"/>
    </xf>
    <xf numFmtId="0" fontId="28" fillId="0" borderId="61" xfId="3" quotePrefix="1" applyFont="1" applyBorder="1" applyAlignment="1">
      <alignment horizontal="center" vertical="center"/>
    </xf>
    <xf numFmtId="0" fontId="28" fillId="0" borderId="61" xfId="3" applyFont="1" applyBorder="1" applyAlignment="1">
      <alignment horizontal="left" vertical="center" wrapText="1" indent="2"/>
    </xf>
    <xf numFmtId="0" fontId="28" fillId="0" borderId="61" xfId="3" applyFont="1" applyBorder="1" applyAlignment="1">
      <alignment horizontal="left" vertical="center" wrapText="1" indent="3"/>
    </xf>
    <xf numFmtId="0" fontId="28" fillId="0" borderId="69" xfId="3" quotePrefix="1" applyFont="1" applyBorder="1" applyAlignment="1">
      <alignment horizontal="center" vertical="center"/>
    </xf>
    <xf numFmtId="0" fontId="28" fillId="0" borderId="69" xfId="3" applyFont="1" applyBorder="1" applyAlignment="1">
      <alignment horizontal="left" vertical="center" wrapText="1" indent="2"/>
    </xf>
    <xf numFmtId="0" fontId="41" fillId="0" borderId="0" xfId="3" quotePrefix="1" applyFont="1" applyAlignment="1">
      <alignment horizontal="right" vertical="center"/>
    </xf>
    <xf numFmtId="0" fontId="41" fillId="0" borderId="0" xfId="3" applyFont="1" applyAlignment="1">
      <alignment horizontal="left" vertical="center" wrapText="1" indent="1"/>
    </xf>
    <xf numFmtId="0" fontId="41" fillId="0" borderId="43" xfId="3" applyFont="1" applyBorder="1" applyAlignment="1">
      <alignment horizontal="center" vertical="center" wrapText="1"/>
    </xf>
    <xf numFmtId="0" fontId="41" fillId="0" borderId="43" xfId="0" applyFont="1" applyBorder="1" applyAlignment="1">
      <alignment horizontal="center" vertical="center" wrapText="1"/>
    </xf>
    <xf numFmtId="0" fontId="70" fillId="7" borderId="0" xfId="15" applyFont="1" applyFill="1" applyAlignment="1">
      <alignment horizontal="right"/>
    </xf>
    <xf numFmtId="0" fontId="27" fillId="0" borderId="0" xfId="48" applyFont="1">
      <alignment vertical="center"/>
    </xf>
    <xf numFmtId="0" fontId="41" fillId="0" borderId="0" xfId="3" applyFont="1" applyAlignment="1">
      <alignment horizontal="center" vertical="center" wrapText="1"/>
    </xf>
    <xf numFmtId="0" fontId="70" fillId="7" borderId="0" xfId="15" applyFont="1" applyFill="1"/>
    <xf numFmtId="0" fontId="41" fillId="0" borderId="0" xfId="48" applyFont="1">
      <alignment vertical="center"/>
    </xf>
    <xf numFmtId="0" fontId="41" fillId="0" borderId="0" xfId="48" applyFont="1" applyAlignment="1">
      <alignment horizontal="left" vertical="center" wrapText="1" indent="1"/>
    </xf>
    <xf numFmtId="0" fontId="41" fillId="0" borderId="33" xfId="48" applyFont="1" applyBorder="1">
      <alignment vertical="center"/>
    </xf>
    <xf numFmtId="0" fontId="41" fillId="0" borderId="18" xfId="29" applyFont="1" applyFill="1" applyBorder="1" applyAlignment="1">
      <alignment horizontal="center" vertical="center" wrapText="1"/>
    </xf>
    <xf numFmtId="0" fontId="41" fillId="0" borderId="33" xfId="29" applyFont="1" applyFill="1" applyBorder="1" applyAlignment="1">
      <alignment horizontal="center" vertical="center" wrapText="1"/>
    </xf>
  </cellXfs>
  <cellStyles count="49">
    <cellStyle name="=C:\WINNT35\SYSTEM32\COMMAND.COM" xfId="3" xr:uid="{00000000-0005-0000-0000-000000000000}"/>
    <cellStyle name="Comma" xfId="30" builtinId="3"/>
    <cellStyle name="gs]_x000d__x000a_Window=0,0,640,480, , ,3_x000d__x000a_dir1=5,7,637,250,-1,-1,1,30,201,1905,231,G:\UGRC\RB\B-DADOS\FOX-PRO\CRED-VEN\KP 3 3" xfId="20" xr:uid="{00000000-0005-0000-0000-000002000000}"/>
    <cellStyle name="Heading 1 2" xfId="1" xr:uid="{00000000-0005-0000-0000-000003000000}"/>
    <cellStyle name="Heading 2 2" xfId="4" xr:uid="{00000000-0005-0000-0000-000004000000}"/>
    <cellStyle name="Heading 2 2 2" xfId="43" xr:uid="{EFF51175-B339-4FDA-B0B9-F8CEFE3404F5}"/>
    <cellStyle name="HeadingTable" xfId="29" xr:uid="{00000000-0005-0000-0000-000005000000}"/>
    <cellStyle name="Hyperlink" xfId="6" builtinId="8"/>
    <cellStyle name="Hyperlink 2" xfId="12" xr:uid="{00000000-0005-0000-0000-000007000000}"/>
    <cellStyle name="Hyperlink 3" xfId="27" xr:uid="{00000000-0005-0000-0000-000008000000}"/>
    <cellStyle name="Hyperlink 4" xfId="44" xr:uid="{9EF20378-2E73-441A-8171-0FEF9984FA16}"/>
    <cellStyle name="Normal" xfId="0" builtinId="0"/>
    <cellStyle name="Normal - Style1 4 2" xfId="35" xr:uid="{00000000-0005-0000-0000-00000A000000}"/>
    <cellStyle name="Normal 15 2" xfId="26" xr:uid="{00000000-0005-0000-0000-00000B000000}"/>
    <cellStyle name="Normal 2" xfId="2" xr:uid="{00000000-0005-0000-0000-00000C000000}"/>
    <cellStyle name="Normal 2 10 2 2 2 3" xfId="41" xr:uid="{555ABAE1-CF46-46B0-A7B8-55C0545FA636}"/>
    <cellStyle name="Normal 2 2" xfId="8" xr:uid="{00000000-0005-0000-0000-00000D000000}"/>
    <cellStyle name="Normal 2 2 2 2" xfId="15" xr:uid="{00000000-0005-0000-0000-00000E000000}"/>
    <cellStyle name="Normal 2 3" xfId="48" xr:uid="{041EAD2B-2023-4B80-ADDC-7D7841FCC3A6}"/>
    <cellStyle name="Normal 2 5 2 2" xfId="14" xr:uid="{00000000-0005-0000-0000-00000F000000}"/>
    <cellStyle name="Normal 2_~0149226 2" xfId="16" xr:uid="{00000000-0005-0000-0000-000010000000}"/>
    <cellStyle name="Normal 3" xfId="31" xr:uid="{00000000-0005-0000-0000-000011000000}"/>
    <cellStyle name="Normal 4" xfId="9" xr:uid="{00000000-0005-0000-0000-000012000000}"/>
    <cellStyle name="Normal 5" xfId="38" xr:uid="{00000000-0005-0000-0000-000013000000}"/>
    <cellStyle name="Normal 6" xfId="42" xr:uid="{DD036F81-29D2-4C88-A108-117343A3525B}"/>
    <cellStyle name="Normal 6 2" xfId="47" xr:uid="{D69B037E-291B-4791-859B-EF3C3B0BAB35}"/>
    <cellStyle name="Normal 6 3" xfId="25" xr:uid="{00000000-0005-0000-0000-000014000000}"/>
    <cellStyle name="Normal 7 3" xfId="24" xr:uid="{00000000-0005-0000-0000-000015000000}"/>
    <cellStyle name="Normal 7 3 2" xfId="22" xr:uid="{00000000-0005-0000-0000-000016000000}"/>
    <cellStyle name="Normal 7 4" xfId="23" xr:uid="{00000000-0005-0000-0000-000017000000}"/>
    <cellStyle name="Normal 8" xfId="11" xr:uid="{00000000-0005-0000-0000-000018000000}"/>
    <cellStyle name="Normal 9 3" xfId="13" xr:uid="{00000000-0005-0000-0000-000019000000}"/>
    <cellStyle name="Normal_20 OPR" xfId="32" xr:uid="{00000000-0005-0000-0000-00001A000000}"/>
    <cellStyle name="Normal_getMultimedia" xfId="40" xr:uid="{00000000-0005-0000-0000-00001B000000}"/>
    <cellStyle name="optionalExposure" xfId="5" xr:uid="{00000000-0005-0000-0000-00001C000000}"/>
    <cellStyle name="Percent" xfId="7" builtinId="5"/>
    <cellStyle name="Percent 2" xfId="33" xr:uid="{00000000-0005-0000-0000-00001E000000}"/>
    <cellStyle name="Percent 2 2" xfId="19" xr:uid="{00000000-0005-0000-0000-00001F000000}"/>
    <cellStyle name="Percent 2 3" xfId="36" xr:uid="{00000000-0005-0000-0000-000020000000}"/>
    <cellStyle name="Percent 2 4" xfId="45" xr:uid="{BE91F139-B822-4355-89CE-4CD64B817EBA}"/>
    <cellStyle name="Percent 2 5" xfId="46" xr:uid="{AA81B07E-078E-411B-AFEC-31A33DBE4047}"/>
    <cellStyle name="Percent 3" xfId="17" xr:uid="{00000000-0005-0000-0000-000021000000}"/>
    <cellStyle name="Percent 3 2" xfId="37" xr:uid="{00000000-0005-0000-0000-000022000000}"/>
    <cellStyle name="Percent 4" xfId="21" xr:uid="{00000000-0005-0000-0000-000023000000}"/>
    <cellStyle name="Percent 4 2" xfId="34" xr:uid="{00000000-0005-0000-0000-000024000000}"/>
    <cellStyle name="Percent 5" xfId="28" xr:uid="{00000000-0005-0000-0000-000025000000}"/>
    <cellStyle name="Percent 8 2" xfId="39" xr:uid="{00000000-0005-0000-0000-000026000000}"/>
    <cellStyle name="Percentagem 2" xfId="18" xr:uid="{00000000-0005-0000-0000-000027000000}"/>
    <cellStyle name="Standard 3" xfId="10" xr:uid="{00000000-0005-0000-0000-000028000000}"/>
  </cellStyles>
  <dxfs count="10">
    <dxf>
      <fill>
        <patternFill>
          <bgColor indexed="10"/>
        </patternFill>
      </fill>
    </dxf>
    <dxf>
      <fill>
        <patternFill>
          <bgColor indexed="10"/>
        </patternFill>
      </fill>
    </dxf>
    <dxf>
      <fill>
        <patternFill>
          <bgColor indexed="10"/>
        </patternFill>
      </fill>
    </dxf>
    <dxf>
      <fill>
        <patternFill>
          <bgColor indexed="10"/>
        </patternFill>
      </fill>
    </dxf>
    <dxf>
      <fill>
        <patternFill>
          <bgColor indexed="10"/>
        </patternFill>
      </fill>
    </dxf>
    <dxf>
      <fill>
        <patternFill>
          <bgColor indexed="10"/>
        </patternFill>
      </fill>
    </dxf>
    <dxf>
      <fill>
        <patternFill>
          <bgColor indexed="10"/>
        </patternFill>
      </fill>
    </dxf>
    <dxf>
      <fill>
        <patternFill>
          <bgColor indexed="10"/>
        </patternFill>
      </fill>
    </dxf>
    <dxf>
      <fill>
        <patternFill>
          <bgColor indexed="10"/>
        </patternFill>
      </fill>
    </dxf>
    <dxf>
      <fill>
        <patternFill>
          <bgColor indexed="10"/>
        </patternFill>
      </fill>
    </dxf>
  </dxfs>
  <tableStyles count="0" defaultTableStyle="TableStyleMedium2" defaultPivotStyle="PivotStyleLight16"/>
  <colors>
    <mruColors>
      <color rgb="FFBFBFBF"/>
      <color rgb="FFD1005D"/>
      <color rgb="FF57575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theme" Target="theme/theme1.xml"/><Relationship Id="rId50" Type="http://schemas.openxmlformats.org/officeDocument/2006/relationships/calcChain" Target="calcChain.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customXml" Target="../customXml/item3.xml"/><Relationship Id="rId5" Type="http://schemas.openxmlformats.org/officeDocument/2006/relationships/worksheet" Target="worksheets/sheet5.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styles" Target="styles.xml"/><Relationship Id="rId8" Type="http://schemas.openxmlformats.org/officeDocument/2006/relationships/worksheet" Target="worksheets/sheet8.xml"/><Relationship Id="rId51" Type="http://schemas.openxmlformats.org/officeDocument/2006/relationships/customXml" Target="../customXml/item1.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20" Type="http://schemas.openxmlformats.org/officeDocument/2006/relationships/worksheet" Target="worksheets/sheet20.xml"/><Relationship Id="rId41" Type="http://schemas.openxmlformats.org/officeDocument/2006/relationships/worksheet" Target="worksheets/sheet41.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3175</xdr:rowOff>
    </xdr:from>
    <xdr:to>
      <xdr:col>9</xdr:col>
      <xdr:colOff>226298</xdr:colOff>
      <xdr:row>8</xdr:row>
      <xdr:rowOff>146050</xdr:rowOff>
    </xdr:to>
    <xdr:pic>
      <xdr:nvPicPr>
        <xdr:cNvPr id="3" name="Picture 2" descr="C:\Users\s610357\AppData\Local\Temp\c6c3ed58-006f-4a50-9e3c-1b3539382e54_Logo Santander.zip.e54\Logo Santander\CMYK\FA_SANTANDER_PV_POS_CMYK.jpg">
          <a:extLst>
            <a:ext uri="{FF2B5EF4-FFF2-40B4-BE49-F238E27FC236}">
              <a16:creationId xmlns:a16="http://schemas.microsoft.com/office/drawing/2014/main" id="{00000000-0008-0000-0200-000003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3175"/>
          <a:ext cx="5712698" cy="2047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4</xdr:col>
      <xdr:colOff>1866900</xdr:colOff>
      <xdr:row>25</xdr:row>
      <xdr:rowOff>152400</xdr:rowOff>
    </xdr:from>
    <xdr:to>
      <xdr:col>13</xdr:col>
      <xdr:colOff>3177</xdr:colOff>
      <xdr:row>33</xdr:row>
      <xdr:rowOff>160603</xdr:rowOff>
    </xdr:to>
    <xdr:sp macro="" textlink="">
      <xdr:nvSpPr>
        <xdr:cNvPr id="2" name="AutoShape 1">
          <a:extLst>
            <a:ext uri="{FF2B5EF4-FFF2-40B4-BE49-F238E27FC236}">
              <a16:creationId xmlns:a16="http://schemas.microsoft.com/office/drawing/2014/main" id="{8E8EFED5-09F2-4732-81E0-5C74DEA5F896}"/>
            </a:ext>
          </a:extLst>
        </xdr:cNvPr>
        <xdr:cNvSpPr>
          <a:spLocks noChangeAspect="1" noChangeArrowheads="1"/>
        </xdr:cNvSpPr>
      </xdr:nvSpPr>
      <xdr:spPr bwMode="auto">
        <a:xfrm>
          <a:off x="3905250" y="3657600"/>
          <a:ext cx="9203532" cy="19304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twoCellAnchor editAs="oneCell">
    <xdr:from>
      <xdr:col>4</xdr:col>
      <xdr:colOff>1866900</xdr:colOff>
      <xdr:row>25</xdr:row>
      <xdr:rowOff>152400</xdr:rowOff>
    </xdr:from>
    <xdr:to>
      <xdr:col>13</xdr:col>
      <xdr:colOff>3177</xdr:colOff>
      <xdr:row>34</xdr:row>
      <xdr:rowOff>32545</xdr:rowOff>
    </xdr:to>
    <xdr:sp macro="" textlink="">
      <xdr:nvSpPr>
        <xdr:cNvPr id="3" name="AutoShape 1">
          <a:extLst>
            <a:ext uri="{FF2B5EF4-FFF2-40B4-BE49-F238E27FC236}">
              <a16:creationId xmlns:a16="http://schemas.microsoft.com/office/drawing/2014/main" id="{8E8EFED5-09F2-4732-81E0-5C74DEA5F896}"/>
            </a:ext>
          </a:extLst>
        </xdr:cNvPr>
        <xdr:cNvSpPr>
          <a:spLocks noChangeAspect="1" noChangeArrowheads="1"/>
        </xdr:cNvSpPr>
      </xdr:nvSpPr>
      <xdr:spPr bwMode="auto">
        <a:xfrm>
          <a:off x="4624388" y="7138988"/>
          <a:ext cx="9280526" cy="1967178"/>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0"/>
  </sheetPr>
  <dimension ref="A1:S27"/>
  <sheetViews>
    <sheetView showGridLines="0" tabSelected="1" zoomScaleNormal="100" workbookViewId="0"/>
  </sheetViews>
  <sheetFormatPr defaultColWidth="0" defaultRowHeight="18.75" zeroHeight="1"/>
  <cols>
    <col min="1" max="17" width="9.140625" style="9" customWidth="1"/>
    <col min="18" max="19" width="13.42578125" style="9" customWidth="1"/>
    <col min="20" max="16384" width="13.42578125" style="9" hidden="1"/>
  </cols>
  <sheetData>
    <row r="1" spans="1:1"/>
    <row r="2" spans="1:1"/>
    <row r="3" spans="1:1"/>
    <row r="4" spans="1:1"/>
    <row r="5" spans="1:1"/>
    <row r="6" spans="1:1"/>
    <row r="7" spans="1:1"/>
    <row r="8" spans="1:1"/>
    <row r="9" spans="1:1"/>
    <row r="10" spans="1:1"/>
    <row r="11" spans="1:1"/>
    <row r="12" spans="1:1" ht="24">
      <c r="A12" s="8" t="s">
        <v>1005</v>
      </c>
    </row>
    <row r="13" spans="1:1"/>
    <row r="14" spans="1:1">
      <c r="A14" s="132" t="s">
        <v>1004</v>
      </c>
    </row>
    <row r="15" spans="1:1" ht="8.25" customHeight="1"/>
    <row r="16" spans="1:1">
      <c r="A16" s="9" t="s">
        <v>1203</v>
      </c>
    </row>
    <row r="17" s="9" customFormat="1"/>
    <row r="18" s="9" customFormat="1"/>
    <row r="19" s="9" customFormat="1"/>
    <row r="20" s="9" customFormat="1"/>
    <row r="21" s="9" customFormat="1"/>
    <row r="22" s="9" customFormat="1"/>
    <row r="23" s="9" customFormat="1"/>
    <row r="24" s="9" customFormat="1"/>
    <row r="25" s="9" customFormat="1"/>
    <row r="26" s="9" customFormat="1"/>
    <row r="27" s="9" customFormat="1"/>
  </sheetData>
  <pageMargins left="0.70866141732283472" right="0.70866141732283472" top="0.74803149606299213" bottom="0.74803149606299213" header="0.31496062992125984" footer="0.31496062992125984"/>
  <pageSetup paperSize="9" scale="55" orientation="landscape" r:id="rId1"/>
  <headerFooter>
    <oddFooter>&amp;C1</oddFooter>
  </headerFooter>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FF0000"/>
  </sheetPr>
  <dimension ref="B1:F7"/>
  <sheetViews>
    <sheetView showGridLines="0" zoomScaleNormal="100" zoomScalePageLayoutView="85" workbookViewId="0"/>
  </sheetViews>
  <sheetFormatPr defaultColWidth="9.140625" defaultRowHeight="18.75"/>
  <cols>
    <col min="1" max="1" width="4.7109375" style="9" customWidth="1"/>
    <col min="2" max="2" width="10.42578125" style="9" customWidth="1"/>
    <col min="3" max="3" width="76.7109375" style="9" customWidth="1"/>
    <col min="4" max="4" width="32.5703125" style="9" customWidth="1"/>
    <col min="5" max="5" width="12" style="9" customWidth="1"/>
    <col min="6" max="6" width="13.140625" style="9" bestFit="1" customWidth="1"/>
    <col min="7" max="16384" width="9.140625" style="9"/>
  </cols>
  <sheetData>
    <row r="1" spans="2:6" ht="24">
      <c r="B1" s="8" t="s">
        <v>216</v>
      </c>
      <c r="F1" s="53" t="s">
        <v>945</v>
      </c>
    </row>
    <row r="2" spans="2:6">
      <c r="B2" s="237" t="s">
        <v>750</v>
      </c>
      <c r="C2" s="187"/>
    </row>
    <row r="3" spans="2:6" s="238" customFormat="1" ht="16.5">
      <c r="B3" s="49">
        <v>1000</v>
      </c>
      <c r="C3" s="49"/>
      <c r="D3" s="49"/>
    </row>
    <row r="4" spans="2:6" s="238" customFormat="1" ht="17.25" thickBot="1">
      <c r="B4" s="49"/>
      <c r="C4" s="49"/>
      <c r="D4" s="701" t="s">
        <v>4</v>
      </c>
    </row>
    <row r="5" spans="2:6" s="238" customFormat="1" ht="20.100000000000001" customHeight="1">
      <c r="B5" s="702">
        <v>1</v>
      </c>
      <c r="C5" s="703" t="s">
        <v>184</v>
      </c>
      <c r="D5" s="704">
        <v>15724637.478027599</v>
      </c>
    </row>
    <row r="6" spans="2:6" s="238" customFormat="1" ht="20.100000000000001" customHeight="1">
      <c r="B6" s="705">
        <v>2</v>
      </c>
      <c r="C6" s="706" t="s">
        <v>241</v>
      </c>
      <c r="D6" s="707">
        <v>4.2200000000000023E-4</v>
      </c>
    </row>
    <row r="7" spans="2:6" s="238" customFormat="1" ht="20.100000000000001" customHeight="1">
      <c r="B7" s="708">
        <v>3</v>
      </c>
      <c r="C7" s="709" t="s">
        <v>242</v>
      </c>
      <c r="D7" s="710">
        <v>6635.7970157276504</v>
      </c>
    </row>
  </sheetData>
  <conditionalFormatting sqref="D5:D7">
    <cfRule type="cellIs" dxfId="6" priority="1" stopIfTrue="1" operator="lessThan">
      <formula>0</formula>
    </cfRule>
  </conditionalFormatting>
  <hyperlinks>
    <hyperlink ref="F1" location="Índice!A1" display="Voltar ao Índice" xr:uid="{00000000-0004-0000-0A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rgb="FFFF0000"/>
  </sheetPr>
  <dimension ref="B1:M16"/>
  <sheetViews>
    <sheetView showGridLines="0" zoomScaleNormal="100" zoomScalePageLayoutView="70" workbookViewId="0"/>
  </sheetViews>
  <sheetFormatPr defaultColWidth="9.140625" defaultRowHeight="18.75"/>
  <cols>
    <col min="1" max="1" width="4.7109375" style="9" customWidth="1"/>
    <col min="2" max="2" width="9.140625" style="182" customWidth="1"/>
    <col min="3" max="3" width="71.5703125" style="9" customWidth="1"/>
    <col min="4" max="11" width="12.5703125" style="9" customWidth="1"/>
    <col min="12" max="12" width="13.42578125" style="9" customWidth="1"/>
    <col min="13" max="13" width="13.140625" style="9" bestFit="1" customWidth="1"/>
    <col min="14" max="16384" width="9.140625" style="9"/>
  </cols>
  <sheetData>
    <row r="1" spans="2:13" ht="24">
      <c r="B1" s="8" t="s">
        <v>618</v>
      </c>
      <c r="C1" s="182"/>
      <c r="L1" s="535"/>
      <c r="M1" s="53" t="s">
        <v>945</v>
      </c>
    </row>
    <row r="2" spans="2:13">
      <c r="B2" s="237" t="s">
        <v>750</v>
      </c>
      <c r="L2" s="681"/>
    </row>
    <row r="3" spans="2:13" s="684" customFormat="1" ht="15.75">
      <c r="B3" s="682"/>
      <c r="C3" s="683"/>
      <c r="D3" s="682"/>
      <c r="E3" s="682"/>
      <c r="F3" s="682"/>
      <c r="G3" s="682"/>
      <c r="H3" s="682"/>
      <c r="I3" s="682"/>
      <c r="J3" s="682"/>
      <c r="K3" s="682"/>
      <c r="L3" s="683"/>
    </row>
    <row r="4" spans="2:13" s="513" customFormat="1" ht="20.100000000000001" customHeight="1">
      <c r="B4" s="685"/>
      <c r="C4" s="681"/>
      <c r="D4" s="686" t="s">
        <v>4</v>
      </c>
      <c r="E4" s="686" t="s">
        <v>5</v>
      </c>
      <c r="F4" s="686" t="s">
        <v>6</v>
      </c>
      <c r="G4" s="686" t="s">
        <v>41</v>
      </c>
      <c r="H4" s="686" t="s">
        <v>42</v>
      </c>
      <c r="I4" s="686" t="s">
        <v>94</v>
      </c>
      <c r="J4" s="686" t="s">
        <v>95</v>
      </c>
      <c r="K4" s="686" t="s">
        <v>96</v>
      </c>
      <c r="L4" s="681"/>
    </row>
    <row r="5" spans="2:13" s="513" customFormat="1" ht="73.5" customHeight="1" thickBot="1">
      <c r="B5" s="687"/>
      <c r="C5" s="688"/>
      <c r="D5" s="689" t="s">
        <v>622</v>
      </c>
      <c r="E5" s="689" t="s">
        <v>623</v>
      </c>
      <c r="F5" s="689" t="s">
        <v>624</v>
      </c>
      <c r="G5" s="689" t="s">
        <v>800</v>
      </c>
      <c r="H5" s="689" t="s">
        <v>625</v>
      </c>
      <c r="I5" s="689" t="s">
        <v>626</v>
      </c>
      <c r="J5" s="689" t="s">
        <v>93</v>
      </c>
      <c r="K5" s="689" t="s">
        <v>627</v>
      </c>
      <c r="L5" s="681"/>
    </row>
    <row r="6" spans="2:13" s="452" customFormat="1" ht="20.100000000000001" customHeight="1">
      <c r="B6" s="241" t="s">
        <v>333</v>
      </c>
      <c r="C6" s="242" t="s">
        <v>628</v>
      </c>
      <c r="D6" s="690">
        <v>0</v>
      </c>
      <c r="E6" s="326">
        <v>0</v>
      </c>
      <c r="F6" s="691"/>
      <c r="G6" s="692">
        <v>1.4</v>
      </c>
      <c r="H6" s="325">
        <v>0</v>
      </c>
      <c r="I6" s="325">
        <v>0</v>
      </c>
      <c r="J6" s="325">
        <v>0</v>
      </c>
      <c r="K6" s="325">
        <v>0</v>
      </c>
      <c r="L6" s="122"/>
    </row>
    <row r="7" spans="2:13" s="452" customFormat="1" ht="20.100000000000001" customHeight="1">
      <c r="B7" s="245" t="s">
        <v>335</v>
      </c>
      <c r="C7" s="417" t="s">
        <v>629</v>
      </c>
      <c r="D7" s="329">
        <v>0</v>
      </c>
      <c r="E7" s="329">
        <v>0</v>
      </c>
      <c r="F7" s="693"/>
      <c r="G7" s="665">
        <v>1.4</v>
      </c>
      <c r="H7" s="330">
        <v>0</v>
      </c>
      <c r="I7" s="330">
        <v>0</v>
      </c>
      <c r="J7" s="330">
        <v>0</v>
      </c>
      <c r="K7" s="330">
        <v>0</v>
      </c>
      <c r="L7" s="122"/>
    </row>
    <row r="8" spans="2:13" s="452" customFormat="1" ht="20.100000000000001" customHeight="1">
      <c r="B8" s="245">
        <v>1</v>
      </c>
      <c r="C8" s="417" t="s">
        <v>630</v>
      </c>
      <c r="D8" s="329">
        <v>86925.509198189306</v>
      </c>
      <c r="E8" s="329">
        <v>119515.502331943</v>
      </c>
      <c r="F8" s="694"/>
      <c r="G8" s="665">
        <v>1.4</v>
      </c>
      <c r="H8" s="329">
        <v>283391.20058173797</v>
      </c>
      <c r="I8" s="329">
        <v>193802.84965999902</v>
      </c>
      <c r="J8" s="329">
        <v>193802.84965999902</v>
      </c>
      <c r="K8" s="329">
        <v>99850.113332174995</v>
      </c>
      <c r="L8" s="122"/>
    </row>
    <row r="9" spans="2:13" s="452" customFormat="1" ht="20.100000000000001" customHeight="1">
      <c r="B9" s="245">
        <v>2</v>
      </c>
      <c r="C9" s="417" t="s">
        <v>631</v>
      </c>
      <c r="D9" s="694"/>
      <c r="E9" s="694"/>
      <c r="F9" s="330">
        <v>0</v>
      </c>
      <c r="G9" s="665">
        <v>0</v>
      </c>
      <c r="H9" s="330">
        <v>0</v>
      </c>
      <c r="I9" s="330">
        <v>0</v>
      </c>
      <c r="J9" s="330">
        <v>0</v>
      </c>
      <c r="K9" s="330">
        <v>0</v>
      </c>
      <c r="L9" s="122"/>
    </row>
    <row r="10" spans="2:13" s="452" customFormat="1" ht="20.100000000000001" customHeight="1">
      <c r="B10" s="245" t="s">
        <v>213</v>
      </c>
      <c r="C10" s="417" t="s">
        <v>632</v>
      </c>
      <c r="D10" s="694"/>
      <c r="E10" s="694"/>
      <c r="F10" s="330">
        <v>0</v>
      </c>
      <c r="G10" s="694"/>
      <c r="H10" s="330">
        <v>0</v>
      </c>
      <c r="I10" s="330">
        <v>0</v>
      </c>
      <c r="J10" s="330">
        <v>0</v>
      </c>
      <c r="K10" s="330">
        <v>0</v>
      </c>
      <c r="L10" s="122"/>
    </row>
    <row r="11" spans="2:13" s="452" customFormat="1" ht="20.100000000000001" customHeight="1">
      <c r="B11" s="245" t="s">
        <v>633</v>
      </c>
      <c r="C11" s="417" t="s">
        <v>634</v>
      </c>
      <c r="D11" s="694"/>
      <c r="E11" s="694"/>
      <c r="F11" s="330">
        <v>0</v>
      </c>
      <c r="G11" s="694"/>
      <c r="H11" s="330">
        <v>0</v>
      </c>
      <c r="I11" s="330">
        <v>0</v>
      </c>
      <c r="J11" s="330">
        <v>0</v>
      </c>
      <c r="K11" s="330">
        <v>0</v>
      </c>
      <c r="L11" s="122"/>
    </row>
    <row r="12" spans="2:13" s="452" customFormat="1" ht="20.100000000000001" customHeight="1">
      <c r="B12" s="245" t="s">
        <v>635</v>
      </c>
      <c r="C12" s="417" t="s">
        <v>636</v>
      </c>
      <c r="D12" s="694"/>
      <c r="E12" s="694"/>
      <c r="F12" s="330">
        <v>0</v>
      </c>
      <c r="G12" s="694"/>
      <c r="H12" s="330">
        <v>0</v>
      </c>
      <c r="I12" s="330">
        <v>0</v>
      </c>
      <c r="J12" s="330">
        <v>0</v>
      </c>
      <c r="K12" s="330">
        <v>0</v>
      </c>
      <c r="L12" s="122"/>
    </row>
    <row r="13" spans="2:13" s="452" customFormat="1" ht="20.100000000000001" customHeight="1">
      <c r="B13" s="245">
        <v>3</v>
      </c>
      <c r="C13" s="417" t="s">
        <v>637</v>
      </c>
      <c r="D13" s="694"/>
      <c r="E13" s="694"/>
      <c r="F13" s="694"/>
      <c r="G13" s="694"/>
      <c r="H13" s="329">
        <v>0</v>
      </c>
      <c r="I13" s="329">
        <v>0</v>
      </c>
      <c r="J13" s="329">
        <v>0</v>
      </c>
      <c r="K13" s="329">
        <v>0</v>
      </c>
      <c r="L13" s="122"/>
    </row>
    <row r="14" spans="2:13" s="452" customFormat="1" ht="20.100000000000001" customHeight="1">
      <c r="B14" s="245">
        <v>4</v>
      </c>
      <c r="C14" s="417" t="s">
        <v>638</v>
      </c>
      <c r="D14" s="694"/>
      <c r="E14" s="694"/>
      <c r="F14" s="694"/>
      <c r="G14" s="694"/>
      <c r="H14" s="329">
        <v>0</v>
      </c>
      <c r="I14" s="329">
        <v>0</v>
      </c>
      <c r="J14" s="329">
        <v>0</v>
      </c>
      <c r="K14" s="329">
        <v>0</v>
      </c>
      <c r="L14" s="122"/>
    </row>
    <row r="15" spans="2:13" s="452" customFormat="1" ht="20.100000000000001" customHeight="1">
      <c r="B15" s="695">
        <v>5</v>
      </c>
      <c r="C15" s="460" t="s">
        <v>639</v>
      </c>
      <c r="D15" s="696"/>
      <c r="E15" s="696"/>
      <c r="F15" s="696"/>
      <c r="G15" s="696"/>
      <c r="H15" s="697">
        <v>0</v>
      </c>
      <c r="I15" s="697">
        <v>0</v>
      </c>
      <c r="J15" s="697">
        <v>0</v>
      </c>
      <c r="K15" s="697">
        <v>0</v>
      </c>
      <c r="L15" s="122"/>
    </row>
    <row r="16" spans="2:13" s="452" customFormat="1" ht="20.100000000000001" customHeight="1" thickBot="1">
      <c r="B16" s="698">
        <v>6</v>
      </c>
      <c r="C16" s="581" t="s">
        <v>40</v>
      </c>
      <c r="D16" s="699"/>
      <c r="E16" s="699"/>
      <c r="F16" s="699"/>
      <c r="G16" s="699"/>
      <c r="H16" s="700">
        <v>283391.20058173797</v>
      </c>
      <c r="I16" s="700">
        <v>193802.84965999902</v>
      </c>
      <c r="J16" s="700">
        <v>193802.84965999902</v>
      </c>
      <c r="K16" s="700">
        <v>99850.113332174995</v>
      </c>
      <c r="L16" s="122"/>
    </row>
  </sheetData>
  <hyperlinks>
    <hyperlink ref="M1" location="Índice!A1" display="Voltar ao Índice" xr:uid="{00000000-0004-0000-0B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rgb="FFFF0000"/>
  </sheetPr>
  <dimension ref="B1:G10"/>
  <sheetViews>
    <sheetView showGridLines="0" zoomScaleNormal="100" zoomScalePageLayoutView="70" workbookViewId="0"/>
  </sheetViews>
  <sheetFormatPr defaultColWidth="9.140625" defaultRowHeight="18.75"/>
  <cols>
    <col min="1" max="1" width="4.7109375" style="9" customWidth="1"/>
    <col min="2" max="2" width="9.140625" style="9"/>
    <col min="3" max="3" width="79.42578125" style="9" customWidth="1"/>
    <col min="4" max="5" width="15.5703125" style="9" customWidth="1"/>
    <col min="6" max="6" width="9.140625" style="9"/>
    <col min="7" max="7" width="13.140625" style="9" bestFit="1" customWidth="1"/>
    <col min="8" max="16384" width="9.140625" style="9"/>
  </cols>
  <sheetData>
    <row r="1" spans="2:7" ht="24">
      <c r="B1" s="8" t="s">
        <v>619</v>
      </c>
      <c r="G1" s="53" t="s">
        <v>945</v>
      </c>
    </row>
    <row r="2" spans="2:7" ht="13.5" customHeight="1">
      <c r="B2" s="237" t="s">
        <v>750</v>
      </c>
      <c r="C2" s="187"/>
      <c r="D2" s="49"/>
      <c r="E2" s="49"/>
    </row>
    <row r="5" spans="2:7" s="238" customFormat="1" ht="16.5">
      <c r="B5" s="239"/>
      <c r="C5" s="240"/>
      <c r="D5" s="235" t="s">
        <v>4</v>
      </c>
      <c r="E5" s="235" t="s">
        <v>5</v>
      </c>
    </row>
    <row r="6" spans="2:7" s="238" customFormat="1" ht="16.5">
      <c r="B6" s="239"/>
      <c r="C6" s="882"/>
      <c r="D6" s="883" t="s">
        <v>1181</v>
      </c>
      <c r="E6" s="883" t="s">
        <v>227</v>
      </c>
    </row>
    <row r="7" spans="2:7" s="238" customFormat="1" ht="38.25" customHeight="1" thickBot="1">
      <c r="B7" s="239"/>
      <c r="C7" s="882"/>
      <c r="D7" s="884"/>
      <c r="E7" s="884"/>
    </row>
    <row r="8" spans="2:7" s="238" customFormat="1" ht="27.75" customHeight="1">
      <c r="B8" s="241">
        <v>1</v>
      </c>
      <c r="C8" s="242" t="s">
        <v>1182</v>
      </c>
      <c r="D8" s="243">
        <v>2988.8811696764797</v>
      </c>
      <c r="E8" s="244"/>
    </row>
    <row r="9" spans="2:7" s="238" customFormat="1" ht="27.75" customHeight="1">
      <c r="B9" s="245">
        <v>2</v>
      </c>
      <c r="C9" s="246" t="s">
        <v>1183</v>
      </c>
      <c r="D9" s="247">
        <v>4881.4748560336702</v>
      </c>
      <c r="E9" s="248"/>
    </row>
    <row r="10" spans="2:7" s="238" customFormat="1" ht="27.75" customHeight="1" thickBot="1">
      <c r="B10" s="249">
        <v>3</v>
      </c>
      <c r="C10" s="250" t="s">
        <v>40</v>
      </c>
      <c r="D10" s="251"/>
      <c r="E10" s="252">
        <v>3720.4882247999999</v>
      </c>
    </row>
  </sheetData>
  <mergeCells count="3">
    <mergeCell ref="C6:C7"/>
    <mergeCell ref="D6:D7"/>
    <mergeCell ref="E6:E7"/>
  </mergeCells>
  <hyperlinks>
    <hyperlink ref="G1" location="Índice!A1" display="Voltar ao Índice" xr:uid="{00000000-0004-0000-0C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tabColor rgb="FFFF0000"/>
  </sheetPr>
  <dimension ref="B1:Q18"/>
  <sheetViews>
    <sheetView showGridLines="0" zoomScale="90" zoomScaleNormal="90" zoomScalePageLayoutView="70" workbookViewId="0"/>
  </sheetViews>
  <sheetFormatPr defaultColWidth="9.140625" defaultRowHeight="18.75"/>
  <cols>
    <col min="1" max="1" width="4.7109375" style="9" customWidth="1"/>
    <col min="2" max="2" width="9.140625" style="412"/>
    <col min="3" max="3" width="52.42578125" style="9" bestFit="1" customWidth="1"/>
    <col min="4" max="14" width="10.7109375" style="9" customWidth="1"/>
    <col min="15" max="15" width="12.140625" style="130" customWidth="1"/>
    <col min="16" max="16" width="7.7109375" style="130" customWidth="1"/>
    <col min="17" max="17" width="13.140625" style="9" bestFit="1" customWidth="1"/>
    <col min="18" max="16384" width="9.140625" style="9"/>
  </cols>
  <sheetData>
    <row r="1" spans="2:17" ht="24">
      <c r="B1" s="8" t="s">
        <v>620</v>
      </c>
      <c r="Q1" s="53" t="s">
        <v>945</v>
      </c>
    </row>
    <row r="2" spans="2:17">
      <c r="B2" s="237" t="s">
        <v>750</v>
      </c>
    </row>
    <row r="3" spans="2:17">
      <c r="B3" s="9"/>
    </row>
    <row r="4" spans="2:17">
      <c r="B4" s="670"/>
      <c r="C4" s="130"/>
      <c r="D4" s="130"/>
      <c r="E4" s="130"/>
      <c r="F4" s="130"/>
      <c r="G4" s="130"/>
      <c r="H4" s="130"/>
      <c r="I4" s="130"/>
      <c r="J4" s="130"/>
      <c r="K4" s="130"/>
      <c r="L4" s="130"/>
      <c r="M4" s="130"/>
      <c r="N4" s="130"/>
    </row>
    <row r="5" spans="2:17" s="452" customFormat="1" ht="20.100000000000001" customHeight="1">
      <c r="B5" s="270"/>
      <c r="C5" s="885" t="s">
        <v>640</v>
      </c>
      <c r="D5" s="876" t="s">
        <v>577</v>
      </c>
      <c r="E5" s="876"/>
      <c r="F5" s="876"/>
      <c r="G5" s="876"/>
      <c r="H5" s="876"/>
      <c r="I5" s="876"/>
      <c r="J5" s="876"/>
      <c r="K5" s="876"/>
      <c r="L5" s="876"/>
      <c r="M5" s="876"/>
      <c r="N5" s="876"/>
      <c r="O5" s="579"/>
      <c r="P5" s="445"/>
    </row>
    <row r="6" spans="2:17" s="452" customFormat="1" ht="20.100000000000001" customHeight="1">
      <c r="B6" s="270"/>
      <c r="C6" s="885"/>
      <c r="D6" s="662" t="s">
        <v>4</v>
      </c>
      <c r="E6" s="662" t="s">
        <v>5</v>
      </c>
      <c r="F6" s="662" t="s">
        <v>6</v>
      </c>
      <c r="G6" s="662" t="s">
        <v>41</v>
      </c>
      <c r="H6" s="662" t="s">
        <v>42</v>
      </c>
      <c r="I6" s="662" t="s">
        <v>94</v>
      </c>
      <c r="J6" s="662" t="s">
        <v>95</v>
      </c>
      <c r="K6" s="662" t="s">
        <v>96</v>
      </c>
      <c r="L6" s="662" t="s">
        <v>218</v>
      </c>
      <c r="M6" s="662" t="s">
        <v>219</v>
      </c>
      <c r="N6" s="662" t="s">
        <v>220</v>
      </c>
      <c r="O6" s="662" t="s">
        <v>221</v>
      </c>
      <c r="P6" s="661"/>
    </row>
    <row r="7" spans="2:17" s="452" customFormat="1" ht="41.25" customHeight="1" thickBot="1">
      <c r="B7" s="270"/>
      <c r="C7" s="886"/>
      <c r="D7" s="671">
        <v>0</v>
      </c>
      <c r="E7" s="671">
        <v>0.02</v>
      </c>
      <c r="F7" s="671">
        <v>0.04</v>
      </c>
      <c r="G7" s="671">
        <v>0.1</v>
      </c>
      <c r="H7" s="671">
        <v>0.2</v>
      </c>
      <c r="I7" s="671">
        <v>0.5</v>
      </c>
      <c r="J7" s="671">
        <v>0.7</v>
      </c>
      <c r="K7" s="671">
        <v>0.75</v>
      </c>
      <c r="L7" s="671">
        <v>1</v>
      </c>
      <c r="M7" s="671">
        <v>1.5</v>
      </c>
      <c r="N7" s="672" t="s">
        <v>578</v>
      </c>
      <c r="O7" s="672" t="s">
        <v>801</v>
      </c>
      <c r="P7" s="661"/>
    </row>
    <row r="8" spans="2:17" s="452" customFormat="1" ht="20.100000000000001" customHeight="1">
      <c r="B8" s="241">
        <v>1</v>
      </c>
      <c r="C8" s="673" t="s">
        <v>586</v>
      </c>
      <c r="D8" s="674">
        <v>0</v>
      </c>
      <c r="E8" s="674">
        <v>0</v>
      </c>
      <c r="F8" s="674">
        <v>0</v>
      </c>
      <c r="G8" s="674">
        <v>0</v>
      </c>
      <c r="H8" s="674">
        <v>0</v>
      </c>
      <c r="I8" s="674">
        <v>0</v>
      </c>
      <c r="J8" s="674">
        <v>0</v>
      </c>
      <c r="K8" s="674">
        <v>0</v>
      </c>
      <c r="L8" s="674">
        <v>0</v>
      </c>
      <c r="M8" s="674">
        <v>0</v>
      </c>
      <c r="N8" s="674">
        <v>0</v>
      </c>
      <c r="O8" s="674">
        <v>0</v>
      </c>
      <c r="P8" s="111"/>
    </row>
    <row r="9" spans="2:17" s="452" customFormat="1" ht="20.100000000000001" customHeight="1">
      <c r="B9" s="245">
        <v>2</v>
      </c>
      <c r="C9" s="541" t="s">
        <v>641</v>
      </c>
      <c r="D9" s="675">
        <v>0</v>
      </c>
      <c r="E9" s="675">
        <v>0</v>
      </c>
      <c r="F9" s="675">
        <v>0</v>
      </c>
      <c r="G9" s="675">
        <v>0</v>
      </c>
      <c r="H9" s="675">
        <v>0</v>
      </c>
      <c r="I9" s="675">
        <v>0</v>
      </c>
      <c r="J9" s="675">
        <v>0</v>
      </c>
      <c r="K9" s="675">
        <v>0</v>
      </c>
      <c r="L9" s="675">
        <v>0</v>
      </c>
      <c r="M9" s="675">
        <v>0</v>
      </c>
      <c r="N9" s="675">
        <v>0</v>
      </c>
      <c r="O9" s="675">
        <v>0</v>
      </c>
      <c r="P9" s="111"/>
    </row>
    <row r="10" spans="2:17" s="452" customFormat="1" ht="20.100000000000001" customHeight="1">
      <c r="B10" s="245">
        <v>3</v>
      </c>
      <c r="C10" s="541" t="s">
        <v>569</v>
      </c>
      <c r="D10" s="675">
        <v>0</v>
      </c>
      <c r="E10" s="675">
        <v>0</v>
      </c>
      <c r="F10" s="675">
        <v>0</v>
      </c>
      <c r="G10" s="675">
        <v>0</v>
      </c>
      <c r="H10" s="675">
        <v>0</v>
      </c>
      <c r="I10" s="675">
        <v>0</v>
      </c>
      <c r="J10" s="675">
        <v>0</v>
      </c>
      <c r="K10" s="675">
        <v>0</v>
      </c>
      <c r="L10" s="675">
        <v>0</v>
      </c>
      <c r="M10" s="675">
        <v>0</v>
      </c>
      <c r="N10" s="675">
        <v>0</v>
      </c>
      <c r="O10" s="675">
        <v>0</v>
      </c>
      <c r="P10" s="111"/>
    </row>
    <row r="11" spans="2:17" s="452" customFormat="1" ht="20.100000000000001" customHeight="1">
      <c r="B11" s="245">
        <v>4</v>
      </c>
      <c r="C11" s="541" t="s">
        <v>570</v>
      </c>
      <c r="D11" s="675">
        <v>0</v>
      </c>
      <c r="E11" s="675">
        <v>0</v>
      </c>
      <c r="F11" s="675">
        <v>0</v>
      </c>
      <c r="G11" s="675">
        <v>0</v>
      </c>
      <c r="H11" s="675">
        <v>0</v>
      </c>
      <c r="I11" s="675">
        <v>0</v>
      </c>
      <c r="J11" s="675">
        <v>0</v>
      </c>
      <c r="K11" s="675">
        <v>0</v>
      </c>
      <c r="L11" s="675">
        <v>0</v>
      </c>
      <c r="M11" s="675">
        <v>0</v>
      </c>
      <c r="N11" s="675">
        <v>0</v>
      </c>
      <c r="O11" s="675">
        <v>0</v>
      </c>
      <c r="P11" s="111"/>
    </row>
    <row r="12" spans="2:17" s="452" customFormat="1" ht="20.100000000000001" customHeight="1">
      <c r="B12" s="245">
        <v>5</v>
      </c>
      <c r="C12" s="541" t="s">
        <v>571</v>
      </c>
      <c r="D12" s="675">
        <v>0</v>
      </c>
      <c r="E12" s="675">
        <v>0</v>
      </c>
      <c r="F12" s="675">
        <v>0</v>
      </c>
      <c r="G12" s="675">
        <v>0</v>
      </c>
      <c r="H12" s="675">
        <v>0</v>
      </c>
      <c r="I12" s="675">
        <v>0</v>
      </c>
      <c r="J12" s="675">
        <v>0</v>
      </c>
      <c r="K12" s="675">
        <v>0</v>
      </c>
      <c r="L12" s="675">
        <v>0</v>
      </c>
      <c r="M12" s="675">
        <v>0</v>
      </c>
      <c r="N12" s="675">
        <v>0</v>
      </c>
      <c r="O12" s="675">
        <v>0</v>
      </c>
      <c r="P12" s="111"/>
    </row>
    <row r="13" spans="2:17" s="452" customFormat="1" ht="20.100000000000001" customHeight="1">
      <c r="B13" s="245">
        <v>6</v>
      </c>
      <c r="C13" s="541" t="s">
        <v>346</v>
      </c>
      <c r="D13" s="675">
        <v>0</v>
      </c>
      <c r="E13" s="675">
        <v>10129.813109999999</v>
      </c>
      <c r="F13" s="675">
        <v>0</v>
      </c>
      <c r="G13" s="675">
        <v>0</v>
      </c>
      <c r="H13" s="675">
        <v>0</v>
      </c>
      <c r="I13" s="675">
        <v>0</v>
      </c>
      <c r="J13" s="675">
        <v>0</v>
      </c>
      <c r="K13" s="675">
        <v>0</v>
      </c>
      <c r="L13" s="675">
        <v>0</v>
      </c>
      <c r="M13" s="675">
        <v>0</v>
      </c>
      <c r="N13" s="675">
        <v>10699.237630000001</v>
      </c>
      <c r="O13" s="675">
        <v>20829.050739999999</v>
      </c>
      <c r="P13" s="111"/>
    </row>
    <row r="14" spans="2:17" s="452" customFormat="1" ht="20.100000000000001" customHeight="1">
      <c r="B14" s="245">
        <v>7</v>
      </c>
      <c r="C14" s="541" t="s">
        <v>352</v>
      </c>
      <c r="D14" s="675">
        <v>0</v>
      </c>
      <c r="E14" s="675">
        <v>0</v>
      </c>
      <c r="F14" s="675">
        <v>0</v>
      </c>
      <c r="G14" s="675">
        <v>0</v>
      </c>
      <c r="H14" s="675">
        <v>0</v>
      </c>
      <c r="I14" s="675">
        <v>0</v>
      </c>
      <c r="J14" s="675">
        <v>0</v>
      </c>
      <c r="K14" s="675">
        <v>0</v>
      </c>
      <c r="L14" s="675">
        <v>9828.7420700000002</v>
      </c>
      <c r="M14" s="675">
        <v>0</v>
      </c>
      <c r="N14" s="675">
        <v>0</v>
      </c>
      <c r="O14" s="675">
        <v>9828.7420700000002</v>
      </c>
      <c r="P14" s="111"/>
    </row>
    <row r="15" spans="2:17" s="452" customFormat="1" ht="20.100000000000001" customHeight="1">
      <c r="B15" s="245">
        <v>8</v>
      </c>
      <c r="C15" s="541" t="s">
        <v>572</v>
      </c>
      <c r="D15" s="675">
        <v>0</v>
      </c>
      <c r="E15" s="675">
        <v>0</v>
      </c>
      <c r="F15" s="675">
        <v>0</v>
      </c>
      <c r="G15" s="675">
        <v>0</v>
      </c>
      <c r="H15" s="675">
        <v>0</v>
      </c>
      <c r="I15" s="675">
        <v>0</v>
      </c>
      <c r="J15" s="675">
        <v>0</v>
      </c>
      <c r="K15" s="675">
        <v>0</v>
      </c>
      <c r="L15" s="675">
        <v>0</v>
      </c>
      <c r="M15" s="675">
        <v>0</v>
      </c>
      <c r="N15" s="675">
        <v>0</v>
      </c>
      <c r="O15" s="675">
        <v>0</v>
      </c>
      <c r="P15" s="111"/>
    </row>
    <row r="16" spans="2:17" s="452" customFormat="1" ht="20.100000000000001" customHeight="1">
      <c r="B16" s="245">
        <v>9</v>
      </c>
      <c r="C16" s="541" t="s">
        <v>574</v>
      </c>
      <c r="D16" s="675">
        <v>0</v>
      </c>
      <c r="E16" s="675">
        <v>0</v>
      </c>
      <c r="F16" s="675">
        <v>0</v>
      </c>
      <c r="G16" s="675">
        <v>0</v>
      </c>
      <c r="H16" s="675">
        <v>0</v>
      </c>
      <c r="I16" s="675">
        <v>0</v>
      </c>
      <c r="J16" s="675">
        <v>0</v>
      </c>
      <c r="K16" s="675">
        <v>0</v>
      </c>
      <c r="L16" s="675">
        <v>0</v>
      </c>
      <c r="M16" s="675">
        <v>0</v>
      </c>
      <c r="N16" s="675">
        <v>0</v>
      </c>
      <c r="O16" s="675">
        <v>0</v>
      </c>
      <c r="P16" s="676"/>
    </row>
    <row r="17" spans="2:15" s="452" customFormat="1" ht="20.100000000000001" customHeight="1">
      <c r="B17" s="420">
        <v>10</v>
      </c>
      <c r="C17" s="677" t="s">
        <v>575</v>
      </c>
      <c r="D17" s="678">
        <v>0</v>
      </c>
      <c r="E17" s="678">
        <v>0</v>
      </c>
      <c r="F17" s="678">
        <v>0</v>
      </c>
      <c r="G17" s="678">
        <v>0</v>
      </c>
      <c r="H17" s="678">
        <v>0</v>
      </c>
      <c r="I17" s="678">
        <v>0</v>
      </c>
      <c r="J17" s="678">
        <v>0</v>
      </c>
      <c r="K17" s="678">
        <v>0</v>
      </c>
      <c r="L17" s="678">
        <v>0</v>
      </c>
      <c r="M17" s="678">
        <v>0</v>
      </c>
      <c r="N17" s="678">
        <v>0</v>
      </c>
      <c r="O17" s="678">
        <v>0</v>
      </c>
    </row>
    <row r="18" spans="2:15" s="49" customFormat="1" ht="20.100000000000001" customHeight="1" thickBot="1">
      <c r="B18" s="271">
        <v>11</v>
      </c>
      <c r="C18" s="679" t="s">
        <v>226</v>
      </c>
      <c r="D18" s="680">
        <v>0</v>
      </c>
      <c r="E18" s="680">
        <v>10129.813109999999</v>
      </c>
      <c r="F18" s="680">
        <v>0</v>
      </c>
      <c r="G18" s="680">
        <v>0</v>
      </c>
      <c r="H18" s="680">
        <v>0</v>
      </c>
      <c r="I18" s="680">
        <v>0</v>
      </c>
      <c r="J18" s="680">
        <v>0</v>
      </c>
      <c r="K18" s="680">
        <v>0</v>
      </c>
      <c r="L18" s="680">
        <v>9828.7420700000002</v>
      </c>
      <c r="M18" s="680">
        <v>0</v>
      </c>
      <c r="N18" s="680">
        <v>10699.237630000001</v>
      </c>
      <c r="O18" s="680">
        <v>30657.792809999999</v>
      </c>
    </row>
  </sheetData>
  <mergeCells count="2">
    <mergeCell ref="C5:C7"/>
    <mergeCell ref="D5:N5"/>
  </mergeCells>
  <hyperlinks>
    <hyperlink ref="Q1" location="Índice!A1" display="Voltar ao Índice" xr:uid="{00000000-0004-0000-0D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tabColor rgb="FFFF0000"/>
  </sheetPr>
  <dimension ref="B1:M16"/>
  <sheetViews>
    <sheetView showGridLines="0" zoomScaleNormal="100" zoomScalePageLayoutView="70" workbookViewId="0"/>
  </sheetViews>
  <sheetFormatPr defaultColWidth="9.140625" defaultRowHeight="18.75"/>
  <cols>
    <col min="1" max="1" width="4.7109375" style="9" customWidth="1"/>
    <col min="2" max="2" width="4" style="9" customWidth="1"/>
    <col min="3" max="3" width="26.42578125" style="9" customWidth="1"/>
    <col min="4" max="11" width="14.42578125" style="9" customWidth="1"/>
    <col min="12" max="12" width="5.42578125" style="9" customWidth="1"/>
    <col min="13" max="13" width="13.7109375" style="9" customWidth="1"/>
    <col min="14" max="16384" width="9.140625" style="9"/>
  </cols>
  <sheetData>
    <row r="1" spans="2:13" ht="25.5">
      <c r="B1" s="8" t="s">
        <v>1185</v>
      </c>
      <c r="C1" s="347"/>
      <c r="D1" s="347"/>
      <c r="E1" s="347"/>
      <c r="F1" s="347"/>
      <c r="G1" s="347"/>
      <c r="H1" s="347"/>
      <c r="I1" s="347"/>
      <c r="M1" s="53" t="s">
        <v>945</v>
      </c>
    </row>
    <row r="2" spans="2:13" ht="18.95" customHeight="1">
      <c r="B2" s="237" t="s">
        <v>750</v>
      </c>
      <c r="C2" s="659"/>
      <c r="M2" s="49"/>
    </row>
    <row r="4" spans="2:13" s="49" customFormat="1" ht="20.100000000000001" customHeight="1">
      <c r="C4" s="239"/>
      <c r="D4" s="660" t="s">
        <v>4</v>
      </c>
      <c r="E4" s="660" t="s">
        <v>5</v>
      </c>
      <c r="F4" s="660" t="s">
        <v>6</v>
      </c>
      <c r="G4" s="660" t="s">
        <v>41</v>
      </c>
      <c r="H4" s="660" t="s">
        <v>42</v>
      </c>
      <c r="I4" s="660" t="s">
        <v>94</v>
      </c>
      <c r="J4" s="660" t="s">
        <v>95</v>
      </c>
      <c r="K4" s="660" t="s">
        <v>96</v>
      </c>
      <c r="L4" s="660"/>
    </row>
    <row r="5" spans="2:13" s="49" customFormat="1" ht="20.100000000000001" customHeight="1">
      <c r="B5" s="269"/>
      <c r="C5" s="579"/>
      <c r="D5" s="876" t="s">
        <v>642</v>
      </c>
      <c r="E5" s="876"/>
      <c r="F5" s="876"/>
      <c r="G5" s="876"/>
      <c r="H5" s="876" t="s">
        <v>643</v>
      </c>
      <c r="I5" s="876"/>
      <c r="J5" s="876"/>
      <c r="K5" s="876"/>
      <c r="L5" s="447"/>
    </row>
    <row r="6" spans="2:13" s="49" customFormat="1" ht="27.95" customHeight="1">
      <c r="B6" s="887"/>
      <c r="C6" s="887" t="s">
        <v>644</v>
      </c>
      <c r="D6" s="888" t="s">
        <v>645</v>
      </c>
      <c r="E6" s="888"/>
      <c r="F6" s="888" t="s">
        <v>646</v>
      </c>
      <c r="G6" s="888"/>
      <c r="H6" s="888" t="s">
        <v>645</v>
      </c>
      <c r="I6" s="888"/>
      <c r="J6" s="888" t="s">
        <v>646</v>
      </c>
      <c r="K6" s="888"/>
      <c r="L6" s="661"/>
    </row>
    <row r="7" spans="2:13" s="49" customFormat="1" ht="17.25" thickBot="1">
      <c r="B7" s="887"/>
      <c r="C7" s="887"/>
      <c r="D7" s="662" t="s">
        <v>647</v>
      </c>
      <c r="E7" s="270" t="s">
        <v>648</v>
      </c>
      <c r="F7" s="662" t="s">
        <v>647</v>
      </c>
      <c r="G7" s="270" t="s">
        <v>648</v>
      </c>
      <c r="H7" s="662" t="s">
        <v>647</v>
      </c>
      <c r="I7" s="270" t="s">
        <v>648</v>
      </c>
      <c r="J7" s="662" t="s">
        <v>647</v>
      </c>
      <c r="K7" s="270" t="s">
        <v>648</v>
      </c>
      <c r="L7" s="661"/>
    </row>
    <row r="8" spans="2:13" s="452" customFormat="1" ht="20.100000000000001" customHeight="1">
      <c r="B8" s="242">
        <v>1</v>
      </c>
      <c r="C8" s="242" t="s">
        <v>649</v>
      </c>
      <c r="D8" s="663">
        <v>0</v>
      </c>
      <c r="E8" s="663">
        <v>20515.133143796898</v>
      </c>
      <c r="F8" s="663">
        <v>0</v>
      </c>
      <c r="G8" s="663">
        <v>48199.325742694804</v>
      </c>
      <c r="H8" s="663">
        <v>0</v>
      </c>
      <c r="I8" s="663">
        <v>0</v>
      </c>
      <c r="J8" s="663">
        <v>0</v>
      </c>
      <c r="K8" s="663">
        <v>0</v>
      </c>
      <c r="L8" s="664"/>
    </row>
    <row r="9" spans="2:13" s="452" customFormat="1" ht="20.100000000000001" customHeight="1">
      <c r="B9" s="417">
        <v>2</v>
      </c>
      <c r="C9" s="417" t="s">
        <v>650</v>
      </c>
      <c r="D9" s="665">
        <v>0</v>
      </c>
      <c r="E9" s="665">
        <v>0</v>
      </c>
      <c r="F9" s="665">
        <v>0</v>
      </c>
      <c r="G9" s="665">
        <v>0</v>
      </c>
      <c r="H9" s="665">
        <v>0</v>
      </c>
      <c r="I9" s="665">
        <v>0</v>
      </c>
      <c r="J9" s="665">
        <v>0</v>
      </c>
      <c r="K9" s="665">
        <v>0</v>
      </c>
      <c r="L9" s="664"/>
    </row>
    <row r="10" spans="2:13" s="452" customFormat="1" ht="20.100000000000001" customHeight="1">
      <c r="B10" s="417">
        <v>3</v>
      </c>
      <c r="C10" s="417" t="s">
        <v>651</v>
      </c>
      <c r="D10" s="665">
        <v>0</v>
      </c>
      <c r="E10" s="665">
        <v>0</v>
      </c>
      <c r="F10" s="665">
        <v>0</v>
      </c>
      <c r="G10" s="665">
        <v>0</v>
      </c>
      <c r="H10" s="665">
        <v>0</v>
      </c>
      <c r="I10" s="665">
        <v>0</v>
      </c>
      <c r="J10" s="665">
        <v>0</v>
      </c>
      <c r="K10" s="665">
        <v>0</v>
      </c>
      <c r="L10" s="664"/>
    </row>
    <row r="11" spans="2:13" s="452" customFormat="1" ht="20.100000000000001" customHeight="1">
      <c r="B11" s="417">
        <v>4</v>
      </c>
      <c r="C11" s="417" t="s">
        <v>652</v>
      </c>
      <c r="D11" s="665">
        <v>0</v>
      </c>
      <c r="E11" s="665">
        <v>0</v>
      </c>
      <c r="F11" s="665">
        <v>0</v>
      </c>
      <c r="G11" s="665">
        <v>0</v>
      </c>
      <c r="H11" s="665">
        <v>0</v>
      </c>
      <c r="I11" s="665">
        <v>0</v>
      </c>
      <c r="J11" s="665">
        <v>0</v>
      </c>
      <c r="K11" s="665">
        <v>0</v>
      </c>
      <c r="L11" s="664"/>
    </row>
    <row r="12" spans="2:13" s="452" customFormat="1" ht="20.100000000000001" customHeight="1">
      <c r="B12" s="417">
        <v>5</v>
      </c>
      <c r="C12" s="417" t="s">
        <v>653</v>
      </c>
      <c r="D12" s="665">
        <v>0</v>
      </c>
      <c r="E12" s="665">
        <v>0</v>
      </c>
      <c r="F12" s="665">
        <v>0</v>
      </c>
      <c r="G12" s="665">
        <v>0</v>
      </c>
      <c r="H12" s="665">
        <v>0</v>
      </c>
      <c r="I12" s="665">
        <v>0</v>
      </c>
      <c r="J12" s="665">
        <v>0</v>
      </c>
      <c r="K12" s="665">
        <v>0</v>
      </c>
      <c r="L12" s="664"/>
    </row>
    <row r="13" spans="2:13" s="452" customFormat="1" ht="20.100000000000001" customHeight="1">
      <c r="B13" s="417">
        <v>6</v>
      </c>
      <c r="C13" s="417" t="s">
        <v>654</v>
      </c>
      <c r="D13" s="665">
        <v>0</v>
      </c>
      <c r="E13" s="665">
        <v>0</v>
      </c>
      <c r="F13" s="665">
        <v>0</v>
      </c>
      <c r="G13" s="665">
        <v>0</v>
      </c>
      <c r="H13" s="665">
        <v>0</v>
      </c>
      <c r="I13" s="665">
        <v>0</v>
      </c>
      <c r="J13" s="665">
        <v>0</v>
      </c>
      <c r="K13" s="665">
        <v>0</v>
      </c>
      <c r="L13" s="664"/>
    </row>
    <row r="14" spans="2:13" s="452" customFormat="1" ht="20.100000000000001" customHeight="1">
      <c r="B14" s="417">
        <v>7</v>
      </c>
      <c r="C14" s="417" t="s">
        <v>97</v>
      </c>
      <c r="D14" s="665">
        <v>0</v>
      </c>
      <c r="E14" s="665">
        <v>0</v>
      </c>
      <c r="F14" s="665">
        <v>0</v>
      </c>
      <c r="G14" s="665">
        <v>0</v>
      </c>
      <c r="H14" s="665">
        <v>0</v>
      </c>
      <c r="I14" s="665">
        <v>0</v>
      </c>
      <c r="J14" s="665">
        <v>0</v>
      </c>
      <c r="K14" s="665">
        <v>0</v>
      </c>
      <c r="L14" s="664"/>
    </row>
    <row r="15" spans="2:13" s="452" customFormat="1" ht="20.100000000000001" customHeight="1" thickBot="1">
      <c r="B15" s="666">
        <v>8</v>
      </c>
      <c r="C15" s="666" t="s">
        <v>655</v>
      </c>
      <c r="D15" s="667">
        <v>0</v>
      </c>
      <c r="E15" s="667">
        <v>0</v>
      </c>
      <c r="F15" s="667">
        <v>0</v>
      </c>
      <c r="G15" s="667">
        <v>0</v>
      </c>
      <c r="H15" s="667">
        <v>0</v>
      </c>
      <c r="I15" s="667">
        <v>0</v>
      </c>
      <c r="J15" s="667">
        <v>0</v>
      </c>
      <c r="K15" s="667">
        <v>0</v>
      </c>
      <c r="L15" s="664"/>
    </row>
    <row r="16" spans="2:13" s="452" customFormat="1" ht="20.100000000000001" customHeight="1">
      <c r="B16" s="668">
        <v>9</v>
      </c>
      <c r="C16" s="668" t="s">
        <v>40</v>
      </c>
      <c r="D16" s="669">
        <v>0</v>
      </c>
      <c r="E16" s="669">
        <v>20515.133143796898</v>
      </c>
      <c r="F16" s="669">
        <v>0</v>
      </c>
      <c r="G16" s="669">
        <v>48199.325742694804</v>
      </c>
      <c r="H16" s="669">
        <v>0</v>
      </c>
      <c r="I16" s="669">
        <v>0</v>
      </c>
      <c r="J16" s="669">
        <v>0</v>
      </c>
      <c r="K16" s="669">
        <v>0</v>
      </c>
      <c r="L16" s="664"/>
    </row>
  </sheetData>
  <mergeCells count="8">
    <mergeCell ref="B6:B7"/>
    <mergeCell ref="D5:G5"/>
    <mergeCell ref="H5:K5"/>
    <mergeCell ref="C6:C7"/>
    <mergeCell ref="D6:E6"/>
    <mergeCell ref="F6:G6"/>
    <mergeCell ref="H6:I6"/>
    <mergeCell ref="J6:K6"/>
  </mergeCells>
  <hyperlinks>
    <hyperlink ref="M1" location="Índice!A1" display="Voltar ao Índice" xr:uid="{00000000-0004-0000-0E00-000000000000}"/>
  </hyperlinks>
  <pageMargins left="0.70866141732283472" right="0.70866141732283472" top="0.74803149606299213" bottom="0.74803149606299213" header="0.31496062992125984" footer="0.31496062992125984"/>
  <pageSetup paperSize="9" scale="55" fitToWidth="0" fitToHeight="0" orientation="landscape" r:id="rId1"/>
  <headerFooter>
    <oddFooter>&amp;C1</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tabColor rgb="FFFF0000"/>
  </sheetPr>
  <dimension ref="B1:G24"/>
  <sheetViews>
    <sheetView showGridLines="0" zoomScaleNormal="100" zoomScalePageLayoutView="60" workbookViewId="0">
      <selection activeCell="B3" sqref="B3"/>
    </sheetView>
  </sheetViews>
  <sheetFormatPr defaultColWidth="9.140625" defaultRowHeight="18.75"/>
  <cols>
    <col min="1" max="1" width="4.7109375" style="130" customWidth="1"/>
    <col min="2" max="2" width="9.140625" style="130"/>
    <col min="3" max="3" width="95.28515625" style="130" customWidth="1"/>
    <col min="4" max="4" width="16.28515625" style="130" customWidth="1"/>
    <col min="5" max="5" width="18.7109375" style="130" customWidth="1"/>
    <col min="6" max="6" width="14.28515625" style="130" customWidth="1"/>
    <col min="7" max="7" width="13.140625" style="130" bestFit="1" customWidth="1"/>
    <col min="8" max="16384" width="9.140625" style="130"/>
  </cols>
  <sheetData>
    <row r="1" spans="2:7" ht="24">
      <c r="B1" s="8" t="s">
        <v>621</v>
      </c>
      <c r="F1" s="269"/>
      <c r="G1" s="53" t="s">
        <v>945</v>
      </c>
    </row>
    <row r="2" spans="2:7">
      <c r="B2" s="237" t="s">
        <v>750</v>
      </c>
    </row>
    <row r="3" spans="2:7" s="269" customFormat="1" ht="20.100000000000001" customHeight="1">
      <c r="B3" s="270"/>
      <c r="C3" s="414"/>
      <c r="D3" s="270" t="s">
        <v>4</v>
      </c>
      <c r="E3" s="270" t="s">
        <v>5</v>
      </c>
    </row>
    <row r="4" spans="2:7" s="269" customFormat="1" ht="42" customHeight="1" thickBot="1">
      <c r="B4" s="270"/>
      <c r="C4" s="414"/>
      <c r="D4" s="271" t="s">
        <v>656</v>
      </c>
      <c r="E4" s="271" t="s">
        <v>627</v>
      </c>
    </row>
    <row r="5" spans="2:7" s="269" customFormat="1" ht="20.100000000000001" customHeight="1">
      <c r="B5" s="642">
        <v>1</v>
      </c>
      <c r="C5" s="643" t="s">
        <v>657</v>
      </c>
      <c r="D5" s="644"/>
      <c r="E5" s="645">
        <v>202.59626219999998</v>
      </c>
    </row>
    <row r="6" spans="2:7" s="269" customFormat="1" ht="20.100000000000001" customHeight="1">
      <c r="B6" s="245">
        <v>2</v>
      </c>
      <c r="C6" s="417" t="s">
        <v>658</v>
      </c>
      <c r="D6" s="646">
        <v>10129.813109999999</v>
      </c>
      <c r="E6" s="646">
        <v>202.59626219999998</v>
      </c>
    </row>
    <row r="7" spans="2:7" s="269" customFormat="1" ht="20.100000000000001" customHeight="1">
      <c r="B7" s="245">
        <v>3</v>
      </c>
      <c r="C7" s="291" t="s">
        <v>659</v>
      </c>
      <c r="D7" s="646">
        <v>0</v>
      </c>
      <c r="E7" s="646">
        <v>0</v>
      </c>
    </row>
    <row r="8" spans="2:7" s="269" customFormat="1" ht="20.100000000000001" customHeight="1">
      <c r="B8" s="245">
        <v>4</v>
      </c>
      <c r="C8" s="291" t="s">
        <v>660</v>
      </c>
      <c r="D8" s="646">
        <v>10129.813109999999</v>
      </c>
      <c r="E8" s="646">
        <v>202.59626219999998</v>
      </c>
    </row>
    <row r="9" spans="2:7" s="269" customFormat="1" ht="20.100000000000001" customHeight="1">
      <c r="B9" s="245">
        <v>5</v>
      </c>
      <c r="C9" s="291" t="s">
        <v>661</v>
      </c>
      <c r="D9" s="646">
        <v>0</v>
      </c>
      <c r="E9" s="646">
        <v>0</v>
      </c>
    </row>
    <row r="10" spans="2:7" s="269" customFormat="1" ht="20.100000000000001" customHeight="1">
      <c r="B10" s="245">
        <v>6</v>
      </c>
      <c r="C10" s="291" t="s">
        <v>662</v>
      </c>
      <c r="D10" s="646">
        <v>0</v>
      </c>
      <c r="E10" s="646">
        <v>0</v>
      </c>
    </row>
    <row r="11" spans="2:7" s="269" customFormat="1" ht="20.100000000000001" customHeight="1">
      <c r="B11" s="245">
        <v>7</v>
      </c>
      <c r="C11" s="417" t="s">
        <v>663</v>
      </c>
      <c r="D11" s="646">
        <v>0</v>
      </c>
      <c r="E11" s="647"/>
    </row>
    <row r="12" spans="2:7" s="269" customFormat="1" ht="20.100000000000001" customHeight="1">
      <c r="B12" s="245">
        <v>8</v>
      </c>
      <c r="C12" s="417" t="s">
        <v>664</v>
      </c>
      <c r="D12" s="646">
        <v>0</v>
      </c>
      <c r="E12" s="646">
        <v>0</v>
      </c>
    </row>
    <row r="13" spans="2:7" s="269" customFormat="1" ht="20.100000000000001" customHeight="1">
      <c r="B13" s="245">
        <v>9</v>
      </c>
      <c r="C13" s="417" t="s">
        <v>665</v>
      </c>
      <c r="D13" s="646">
        <v>0</v>
      </c>
      <c r="E13" s="646">
        <v>0</v>
      </c>
    </row>
    <row r="14" spans="2:7" s="269" customFormat="1" ht="20.100000000000001" customHeight="1">
      <c r="B14" s="420">
        <v>10</v>
      </c>
      <c r="C14" s="421" t="s">
        <v>666</v>
      </c>
      <c r="D14" s="648">
        <v>0</v>
      </c>
      <c r="E14" s="649">
        <v>0</v>
      </c>
    </row>
    <row r="15" spans="2:7" s="269" customFormat="1" ht="20.100000000000001" customHeight="1">
      <c r="B15" s="270">
        <v>11</v>
      </c>
      <c r="C15" s="316" t="s">
        <v>667</v>
      </c>
      <c r="D15" s="650"/>
      <c r="E15" s="651">
        <v>0</v>
      </c>
    </row>
    <row r="16" spans="2:7" s="269" customFormat="1" ht="20.100000000000001" customHeight="1">
      <c r="B16" s="652">
        <v>12</v>
      </c>
      <c r="C16" s="472" t="s">
        <v>668</v>
      </c>
      <c r="D16" s="653">
        <v>0</v>
      </c>
      <c r="E16" s="654">
        <v>0</v>
      </c>
    </row>
    <row r="17" spans="2:5" s="269" customFormat="1" ht="20.100000000000001" customHeight="1">
      <c r="B17" s="245">
        <v>13</v>
      </c>
      <c r="C17" s="291" t="s">
        <v>659</v>
      </c>
      <c r="D17" s="541">
        <v>0</v>
      </c>
      <c r="E17" s="646">
        <v>0</v>
      </c>
    </row>
    <row r="18" spans="2:5" s="269" customFormat="1" ht="20.100000000000001" customHeight="1">
      <c r="B18" s="245">
        <v>14</v>
      </c>
      <c r="C18" s="291" t="s">
        <v>660</v>
      </c>
      <c r="D18" s="541">
        <v>0</v>
      </c>
      <c r="E18" s="646">
        <v>0</v>
      </c>
    </row>
    <row r="19" spans="2:5" s="269" customFormat="1" ht="20.100000000000001" customHeight="1">
      <c r="B19" s="245">
        <v>15</v>
      </c>
      <c r="C19" s="291" t="s">
        <v>661</v>
      </c>
      <c r="D19" s="541">
        <v>0</v>
      </c>
      <c r="E19" s="646">
        <v>0</v>
      </c>
    </row>
    <row r="20" spans="2:5" s="269" customFormat="1" ht="20.100000000000001" customHeight="1">
      <c r="B20" s="245">
        <v>16</v>
      </c>
      <c r="C20" s="291" t="s">
        <v>662</v>
      </c>
      <c r="D20" s="541">
        <v>0</v>
      </c>
      <c r="E20" s="646">
        <v>0</v>
      </c>
    </row>
    <row r="21" spans="2:5" s="269" customFormat="1" ht="20.100000000000001" customHeight="1">
      <c r="B21" s="245">
        <v>17</v>
      </c>
      <c r="C21" s="417" t="s">
        <v>663</v>
      </c>
      <c r="D21" s="541">
        <v>0</v>
      </c>
      <c r="E21" s="647"/>
    </row>
    <row r="22" spans="2:5" s="269" customFormat="1" ht="20.100000000000001" customHeight="1">
      <c r="B22" s="245">
        <v>18</v>
      </c>
      <c r="C22" s="417" t="s">
        <v>664</v>
      </c>
      <c r="D22" s="541">
        <v>0</v>
      </c>
      <c r="E22" s="646">
        <v>0</v>
      </c>
    </row>
    <row r="23" spans="2:5" s="269" customFormat="1" ht="20.100000000000001" customHeight="1">
      <c r="B23" s="245">
        <v>19</v>
      </c>
      <c r="C23" s="417" t="s">
        <v>665</v>
      </c>
      <c r="D23" s="541">
        <v>0</v>
      </c>
      <c r="E23" s="646">
        <v>0</v>
      </c>
    </row>
    <row r="24" spans="2:5" s="269" customFormat="1" ht="20.100000000000001" customHeight="1" thickBot="1">
      <c r="B24" s="655">
        <v>20</v>
      </c>
      <c r="C24" s="656" t="s">
        <v>666</v>
      </c>
      <c r="D24" s="657">
        <v>0</v>
      </c>
      <c r="E24" s="658">
        <v>0</v>
      </c>
    </row>
  </sheetData>
  <hyperlinks>
    <hyperlink ref="G1" location="Índice!A1" display="Voltar ao Índice" xr:uid="{00000000-0004-0000-0F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tabColor rgb="FFFF0000"/>
  </sheetPr>
  <dimension ref="B1:T32"/>
  <sheetViews>
    <sheetView showGridLines="0" zoomScaleNormal="100" zoomScalePageLayoutView="70" workbookViewId="0"/>
  </sheetViews>
  <sheetFormatPr defaultColWidth="8.7109375" defaultRowHeight="18.75"/>
  <cols>
    <col min="1" max="1" width="2.28515625" style="9" customWidth="1"/>
    <col min="2" max="2" width="5.85546875" style="9" customWidth="1"/>
    <col min="3" max="3" width="48.5703125" style="9" customWidth="1"/>
    <col min="4" max="18" width="12.28515625" style="9" customWidth="1"/>
    <col min="19" max="19" width="8.7109375" style="9"/>
    <col min="20" max="20" width="14.85546875" style="9" bestFit="1" customWidth="1"/>
    <col min="21" max="16384" width="8.7109375" style="9"/>
  </cols>
  <sheetData>
    <row r="1" spans="2:20" ht="24">
      <c r="B1" s="8" t="s">
        <v>441</v>
      </c>
      <c r="T1" s="53" t="s">
        <v>945</v>
      </c>
    </row>
    <row r="2" spans="2:20" s="130" customFormat="1" ht="20.25" customHeight="1">
      <c r="B2" s="237" t="s">
        <v>750</v>
      </c>
      <c r="C2" s="426"/>
      <c r="D2" s="426"/>
      <c r="E2" s="426"/>
      <c r="F2" s="426"/>
      <c r="G2" s="426"/>
      <c r="H2" s="426"/>
      <c r="I2" s="426"/>
      <c r="J2" s="426"/>
      <c r="K2" s="426"/>
      <c r="L2" s="426"/>
      <c r="M2" s="426"/>
      <c r="N2" s="426"/>
      <c r="O2" s="426"/>
      <c r="P2" s="9"/>
      <c r="Q2" s="426"/>
      <c r="R2" s="426"/>
    </row>
    <row r="3" spans="2:20" s="269" customFormat="1" ht="16.5">
      <c r="B3" s="93"/>
    </row>
    <row r="4" spans="2:20" s="269" customFormat="1" ht="16.5">
      <c r="B4" s="275"/>
      <c r="C4" s="275"/>
      <c r="D4" s="235" t="s">
        <v>4</v>
      </c>
      <c r="E4" s="235" t="s">
        <v>5</v>
      </c>
      <c r="F4" s="235" t="s">
        <v>6</v>
      </c>
      <c r="G4" s="235" t="s">
        <v>41</v>
      </c>
      <c r="H4" s="235" t="s">
        <v>42</v>
      </c>
      <c r="I4" s="235" t="s">
        <v>94</v>
      </c>
      <c r="J4" s="235" t="s">
        <v>95</v>
      </c>
      <c r="K4" s="235" t="s">
        <v>96</v>
      </c>
      <c r="L4" s="235" t="s">
        <v>218</v>
      </c>
      <c r="M4" s="235" t="s">
        <v>219</v>
      </c>
      <c r="N4" s="235" t="s">
        <v>220</v>
      </c>
      <c r="O4" s="235" t="s">
        <v>221</v>
      </c>
      <c r="P4" s="235" t="s">
        <v>222</v>
      </c>
      <c r="Q4" s="235" t="s">
        <v>442</v>
      </c>
      <c r="R4" s="235" t="s">
        <v>443</v>
      </c>
    </row>
    <row r="5" spans="2:20" s="269" customFormat="1" ht="34.15" customHeight="1">
      <c r="B5" s="275"/>
      <c r="C5" s="275"/>
      <c r="D5" s="889" t="s">
        <v>444</v>
      </c>
      <c r="E5" s="888"/>
      <c r="F5" s="888"/>
      <c r="G5" s="888"/>
      <c r="H5" s="888"/>
      <c r="I5" s="888"/>
      <c r="J5" s="889" t="s">
        <v>445</v>
      </c>
      <c r="K5" s="888"/>
      <c r="L5" s="888"/>
      <c r="M5" s="888"/>
      <c r="N5" s="888"/>
      <c r="O5" s="890"/>
      <c r="P5" s="891" t="s">
        <v>446</v>
      </c>
      <c r="Q5" s="888" t="s">
        <v>447</v>
      </c>
      <c r="R5" s="888"/>
    </row>
    <row r="6" spans="2:20" s="269" customFormat="1" ht="58.15" customHeight="1">
      <c r="B6" s="275"/>
      <c r="C6" s="275"/>
      <c r="D6" s="889" t="s">
        <v>448</v>
      </c>
      <c r="E6" s="888"/>
      <c r="F6" s="888"/>
      <c r="G6" s="889" t="s">
        <v>449</v>
      </c>
      <c r="H6" s="888"/>
      <c r="I6" s="888"/>
      <c r="J6" s="889" t="s">
        <v>450</v>
      </c>
      <c r="K6" s="888"/>
      <c r="L6" s="888"/>
      <c r="M6" s="889" t="s">
        <v>451</v>
      </c>
      <c r="N6" s="888"/>
      <c r="O6" s="888"/>
      <c r="P6" s="892"/>
      <c r="Q6" s="893" t="s">
        <v>452</v>
      </c>
      <c r="R6" s="893" t="s">
        <v>453</v>
      </c>
    </row>
    <row r="7" spans="2:20" s="269" customFormat="1" ht="36" customHeight="1" thickBot="1">
      <c r="B7" s="275"/>
      <c r="C7" s="275"/>
      <c r="D7" s="623"/>
      <c r="E7" s="270" t="s">
        <v>454</v>
      </c>
      <c r="F7" s="270" t="s">
        <v>455</v>
      </c>
      <c r="G7" s="623"/>
      <c r="H7" s="270" t="s">
        <v>455</v>
      </c>
      <c r="I7" s="270" t="s">
        <v>456</v>
      </c>
      <c r="J7" s="623"/>
      <c r="K7" s="270" t="s">
        <v>454</v>
      </c>
      <c r="L7" s="270" t="s">
        <v>455</v>
      </c>
      <c r="M7" s="623"/>
      <c r="N7" s="270" t="s">
        <v>455</v>
      </c>
      <c r="O7" s="270" t="s">
        <v>456</v>
      </c>
      <c r="P7" s="624"/>
      <c r="Q7" s="894"/>
      <c r="R7" s="894"/>
    </row>
    <row r="8" spans="2:20" s="318" customFormat="1" ht="20.25" customHeight="1">
      <c r="B8" s="625" t="s">
        <v>457</v>
      </c>
      <c r="C8" s="531" t="s">
        <v>458</v>
      </c>
      <c r="D8" s="626">
        <v>2113374.2609999999</v>
      </c>
      <c r="E8" s="627">
        <v>2113374.2609999999</v>
      </c>
      <c r="F8" s="627">
        <v>0</v>
      </c>
      <c r="G8" s="626">
        <v>0</v>
      </c>
      <c r="H8" s="627">
        <v>0</v>
      </c>
      <c r="I8" s="627">
        <v>0</v>
      </c>
      <c r="J8" s="626">
        <v>0</v>
      </c>
      <c r="K8" s="627">
        <v>0</v>
      </c>
      <c r="L8" s="627">
        <v>0</v>
      </c>
      <c r="M8" s="626">
        <v>0</v>
      </c>
      <c r="N8" s="627">
        <v>0</v>
      </c>
      <c r="O8" s="627">
        <v>0</v>
      </c>
      <c r="P8" s="628">
        <v>0</v>
      </c>
      <c r="Q8" s="627">
        <v>0</v>
      </c>
      <c r="R8" s="627">
        <v>0</v>
      </c>
    </row>
    <row r="9" spans="2:20" s="318" customFormat="1" ht="20.25" customHeight="1">
      <c r="B9" s="629" t="s">
        <v>238</v>
      </c>
      <c r="C9" s="532" t="s">
        <v>459</v>
      </c>
      <c r="D9" s="630">
        <v>39763700.428000003</v>
      </c>
      <c r="E9" s="631">
        <v>36719863.597000003</v>
      </c>
      <c r="F9" s="631">
        <v>3043836.8310000002</v>
      </c>
      <c r="G9" s="630">
        <v>836060.43200000003</v>
      </c>
      <c r="H9" s="631">
        <v>0</v>
      </c>
      <c r="I9" s="631">
        <v>836060.43200000003</v>
      </c>
      <c r="J9" s="630">
        <v>222932.97099999999</v>
      </c>
      <c r="K9" s="631">
        <v>58562.546000000002</v>
      </c>
      <c r="L9" s="631">
        <v>164370.42499999999</v>
      </c>
      <c r="M9" s="630">
        <v>518683.56599999999</v>
      </c>
      <c r="N9" s="631">
        <v>0</v>
      </c>
      <c r="O9" s="631">
        <v>518683.56599999999</v>
      </c>
      <c r="P9" s="632">
        <v>0</v>
      </c>
      <c r="Q9" s="631">
        <v>16553.469000000001</v>
      </c>
      <c r="R9" s="631">
        <v>31281803.022</v>
      </c>
    </row>
    <row r="10" spans="2:20" s="318" customFormat="1" ht="20.25" customHeight="1">
      <c r="B10" s="629" t="s">
        <v>240</v>
      </c>
      <c r="C10" s="633" t="s">
        <v>460</v>
      </c>
      <c r="D10" s="630">
        <v>0</v>
      </c>
      <c r="E10" s="631">
        <v>0</v>
      </c>
      <c r="F10" s="631">
        <v>0</v>
      </c>
      <c r="G10" s="630">
        <v>0</v>
      </c>
      <c r="H10" s="631">
        <v>0</v>
      </c>
      <c r="I10" s="631">
        <v>0</v>
      </c>
      <c r="J10" s="630">
        <v>0</v>
      </c>
      <c r="K10" s="631">
        <v>0</v>
      </c>
      <c r="L10" s="631">
        <v>0</v>
      </c>
      <c r="M10" s="630">
        <v>0</v>
      </c>
      <c r="N10" s="631">
        <v>0</v>
      </c>
      <c r="O10" s="631">
        <v>0</v>
      </c>
      <c r="P10" s="632">
        <v>0</v>
      </c>
      <c r="Q10" s="631">
        <v>0</v>
      </c>
      <c r="R10" s="631">
        <v>0</v>
      </c>
    </row>
    <row r="11" spans="2:20" s="318" customFormat="1" ht="20.25" customHeight="1">
      <c r="B11" s="629" t="s">
        <v>461</v>
      </c>
      <c r="C11" s="633" t="s">
        <v>462</v>
      </c>
      <c r="D11" s="630">
        <v>3472491.6340000001</v>
      </c>
      <c r="E11" s="631">
        <v>3455671.5660000001</v>
      </c>
      <c r="F11" s="631">
        <v>16820.067999999999</v>
      </c>
      <c r="G11" s="630">
        <v>8314.3590000000004</v>
      </c>
      <c r="H11" s="631">
        <v>0</v>
      </c>
      <c r="I11" s="631">
        <v>8314.3590000000004</v>
      </c>
      <c r="J11" s="630">
        <v>5281.5709999999999</v>
      </c>
      <c r="K11" s="631">
        <v>5234.84</v>
      </c>
      <c r="L11" s="631">
        <v>46.731000000000002</v>
      </c>
      <c r="M11" s="630">
        <v>7081.6620000000003</v>
      </c>
      <c r="N11" s="631">
        <v>0</v>
      </c>
      <c r="O11" s="631">
        <v>7081.6620000000003</v>
      </c>
      <c r="P11" s="632">
        <v>0</v>
      </c>
      <c r="Q11" s="631">
        <v>0</v>
      </c>
      <c r="R11" s="631">
        <v>34489.724000000002</v>
      </c>
    </row>
    <row r="12" spans="2:20" s="318" customFormat="1" ht="20.25" customHeight="1">
      <c r="B12" s="629" t="s">
        <v>463</v>
      </c>
      <c r="C12" s="633" t="s">
        <v>464</v>
      </c>
      <c r="D12" s="630">
        <v>219798.32700000002</v>
      </c>
      <c r="E12" s="631">
        <v>219427.69500000001</v>
      </c>
      <c r="F12" s="631">
        <v>370.63200000000001</v>
      </c>
      <c r="G12" s="630">
        <v>0.25900000000000001</v>
      </c>
      <c r="H12" s="631">
        <v>0</v>
      </c>
      <c r="I12" s="631">
        <v>0.25900000000000001</v>
      </c>
      <c r="J12" s="630">
        <v>20.966000000000001</v>
      </c>
      <c r="K12" s="631">
        <v>17.399000000000001</v>
      </c>
      <c r="L12" s="631">
        <v>3.5670000000000002</v>
      </c>
      <c r="M12" s="630">
        <v>0</v>
      </c>
      <c r="N12" s="631">
        <v>0</v>
      </c>
      <c r="O12" s="631">
        <v>0</v>
      </c>
      <c r="P12" s="632">
        <v>0</v>
      </c>
      <c r="Q12" s="631">
        <v>0</v>
      </c>
      <c r="R12" s="631">
        <v>793.85199999999998</v>
      </c>
    </row>
    <row r="13" spans="2:20" s="318" customFormat="1" ht="20.25" customHeight="1">
      <c r="B13" s="629" t="s">
        <v>465</v>
      </c>
      <c r="C13" s="633" t="s">
        <v>466</v>
      </c>
      <c r="D13" s="630">
        <v>701680.20200000005</v>
      </c>
      <c r="E13" s="631">
        <v>698253.09900000005</v>
      </c>
      <c r="F13" s="631">
        <v>3427.1030000000001</v>
      </c>
      <c r="G13" s="630">
        <v>6824.1989999999996</v>
      </c>
      <c r="H13" s="631">
        <v>0</v>
      </c>
      <c r="I13" s="631">
        <v>6824.1989999999996</v>
      </c>
      <c r="J13" s="630">
        <v>886.30500000000006</v>
      </c>
      <c r="K13" s="631">
        <v>740.50300000000004</v>
      </c>
      <c r="L13" s="631">
        <v>145.80199999999999</v>
      </c>
      <c r="M13" s="630">
        <v>5191.8490000000002</v>
      </c>
      <c r="N13" s="631">
        <v>0</v>
      </c>
      <c r="O13" s="631">
        <v>5191.8490000000002</v>
      </c>
      <c r="P13" s="632">
        <v>0</v>
      </c>
      <c r="Q13" s="631">
        <v>9.2390000000000008</v>
      </c>
      <c r="R13" s="631">
        <v>446841.38799999998</v>
      </c>
    </row>
    <row r="14" spans="2:20" s="318" customFormat="1" ht="20.25" customHeight="1">
      <c r="B14" s="629" t="s">
        <v>467</v>
      </c>
      <c r="C14" s="633" t="s">
        <v>468</v>
      </c>
      <c r="D14" s="630">
        <v>9083394.1640000008</v>
      </c>
      <c r="E14" s="631">
        <v>8054460.1100000003</v>
      </c>
      <c r="F14" s="631">
        <v>1028934.054</v>
      </c>
      <c r="G14" s="630">
        <v>431766.39500000002</v>
      </c>
      <c r="H14" s="631">
        <v>0</v>
      </c>
      <c r="I14" s="631">
        <v>431766.39500000002</v>
      </c>
      <c r="J14" s="630">
        <v>83581.437999999995</v>
      </c>
      <c r="K14" s="631">
        <v>22274.330999999998</v>
      </c>
      <c r="L14" s="631">
        <v>61307.107000000004</v>
      </c>
      <c r="M14" s="630">
        <v>298414.64399999997</v>
      </c>
      <c r="N14" s="631">
        <v>0</v>
      </c>
      <c r="O14" s="631">
        <v>298414.64399999997</v>
      </c>
      <c r="P14" s="632">
        <v>0</v>
      </c>
      <c r="Q14" s="631">
        <v>14082.7</v>
      </c>
      <c r="R14" s="631">
        <v>6587659.8210000005</v>
      </c>
    </row>
    <row r="15" spans="2:20" s="318" customFormat="1" ht="20.25" customHeight="1">
      <c r="B15" s="629" t="s">
        <v>469</v>
      </c>
      <c r="C15" s="633" t="s">
        <v>470</v>
      </c>
      <c r="D15" s="630">
        <v>4942502.4630000005</v>
      </c>
      <c r="E15" s="631">
        <v>4150408.9610000001</v>
      </c>
      <c r="F15" s="631">
        <v>792093.50199999998</v>
      </c>
      <c r="G15" s="630">
        <v>288517.989</v>
      </c>
      <c r="H15" s="631">
        <v>0</v>
      </c>
      <c r="I15" s="631">
        <v>288517.989</v>
      </c>
      <c r="J15" s="630">
        <v>60050.756999999998</v>
      </c>
      <c r="K15" s="631">
        <v>15617.92</v>
      </c>
      <c r="L15" s="631">
        <v>44432.837</v>
      </c>
      <c r="M15" s="630">
        <v>192736.53400000001</v>
      </c>
      <c r="N15" s="631">
        <v>0</v>
      </c>
      <c r="O15" s="631">
        <v>192736.53400000001</v>
      </c>
      <c r="P15" s="632">
        <v>0</v>
      </c>
      <c r="Q15" s="631">
        <v>12911.955</v>
      </c>
      <c r="R15" s="631">
        <v>4102763.6609999998</v>
      </c>
    </row>
    <row r="16" spans="2:20" s="318" customFormat="1" ht="20.25" customHeight="1">
      <c r="B16" s="629" t="s">
        <v>471</v>
      </c>
      <c r="C16" s="633" t="s">
        <v>472</v>
      </c>
      <c r="D16" s="630">
        <v>26286336.101</v>
      </c>
      <c r="E16" s="631">
        <v>24292051.127</v>
      </c>
      <c r="F16" s="631">
        <v>1994284.9739999999</v>
      </c>
      <c r="G16" s="630">
        <v>389155.22</v>
      </c>
      <c r="H16" s="631">
        <v>0</v>
      </c>
      <c r="I16" s="631">
        <v>389155.22</v>
      </c>
      <c r="J16" s="630">
        <v>133162.69099999999</v>
      </c>
      <c r="K16" s="631">
        <v>30295.473000000002</v>
      </c>
      <c r="L16" s="631">
        <v>102867.21799999999</v>
      </c>
      <c r="M16" s="630">
        <v>207995.41099999999</v>
      </c>
      <c r="N16" s="631">
        <v>0</v>
      </c>
      <c r="O16" s="631">
        <v>207995.41099999999</v>
      </c>
      <c r="P16" s="632">
        <v>0</v>
      </c>
      <c r="Q16" s="631">
        <v>2461.5300000000002</v>
      </c>
      <c r="R16" s="631">
        <v>24212018.237</v>
      </c>
    </row>
    <row r="17" spans="2:18" s="318" customFormat="1" ht="20.25" customHeight="1">
      <c r="B17" s="629" t="s">
        <v>473</v>
      </c>
      <c r="C17" s="532" t="s">
        <v>474</v>
      </c>
      <c r="D17" s="630">
        <v>12849983.138999999</v>
      </c>
      <c r="E17" s="631">
        <v>12782823.050000001</v>
      </c>
      <c r="F17" s="631">
        <v>67160.088999999993</v>
      </c>
      <c r="G17" s="630">
        <v>20886.618000000002</v>
      </c>
      <c r="H17" s="631">
        <v>0</v>
      </c>
      <c r="I17" s="631">
        <v>20886.618000000002</v>
      </c>
      <c r="J17" s="630">
        <v>4235.4310000000005</v>
      </c>
      <c r="K17" s="631">
        <v>2549.174</v>
      </c>
      <c r="L17" s="631">
        <v>1686.2570000000001</v>
      </c>
      <c r="M17" s="630">
        <v>453.75900000000001</v>
      </c>
      <c r="N17" s="631">
        <v>0</v>
      </c>
      <c r="O17" s="631">
        <v>453.75900000000001</v>
      </c>
      <c r="P17" s="632">
        <v>0</v>
      </c>
      <c r="Q17" s="631">
        <v>0</v>
      </c>
      <c r="R17" s="631">
        <v>1998348.4110000001</v>
      </c>
    </row>
    <row r="18" spans="2:18" s="318" customFormat="1" ht="20.25" customHeight="1">
      <c r="B18" s="629" t="s">
        <v>475</v>
      </c>
      <c r="C18" s="633" t="s">
        <v>460</v>
      </c>
      <c r="D18" s="630">
        <v>0</v>
      </c>
      <c r="E18" s="631">
        <v>0</v>
      </c>
      <c r="F18" s="631">
        <v>0</v>
      </c>
      <c r="G18" s="630">
        <v>0</v>
      </c>
      <c r="H18" s="631">
        <v>0</v>
      </c>
      <c r="I18" s="631">
        <v>0</v>
      </c>
      <c r="J18" s="630">
        <v>0</v>
      </c>
      <c r="K18" s="631">
        <v>0</v>
      </c>
      <c r="L18" s="631">
        <v>0</v>
      </c>
      <c r="M18" s="630">
        <v>0</v>
      </c>
      <c r="N18" s="631">
        <v>0</v>
      </c>
      <c r="O18" s="631">
        <v>0</v>
      </c>
      <c r="P18" s="632">
        <v>0</v>
      </c>
      <c r="Q18" s="631">
        <v>0</v>
      </c>
      <c r="R18" s="631">
        <v>0</v>
      </c>
    </row>
    <row r="19" spans="2:18" s="318" customFormat="1" ht="20.25" customHeight="1">
      <c r="B19" s="629" t="s">
        <v>476</v>
      </c>
      <c r="C19" s="633" t="s">
        <v>462</v>
      </c>
      <c r="D19" s="630">
        <v>9160144.3809999991</v>
      </c>
      <c r="E19" s="631">
        <v>9160144.3809999991</v>
      </c>
      <c r="F19" s="631">
        <v>0</v>
      </c>
      <c r="G19" s="630">
        <v>0</v>
      </c>
      <c r="H19" s="631">
        <v>0</v>
      </c>
      <c r="I19" s="631">
        <v>0</v>
      </c>
      <c r="J19" s="630">
        <v>111.682</v>
      </c>
      <c r="K19" s="631">
        <v>111.682</v>
      </c>
      <c r="L19" s="631">
        <v>0</v>
      </c>
      <c r="M19" s="630">
        <v>0</v>
      </c>
      <c r="N19" s="631">
        <v>0</v>
      </c>
      <c r="O19" s="631">
        <v>0</v>
      </c>
      <c r="P19" s="632">
        <v>0</v>
      </c>
      <c r="Q19" s="631">
        <v>0</v>
      </c>
      <c r="R19" s="631">
        <v>540732.14800000004</v>
      </c>
    </row>
    <row r="20" spans="2:18" s="318" customFormat="1" ht="20.25" customHeight="1">
      <c r="B20" s="629" t="s">
        <v>477</v>
      </c>
      <c r="C20" s="633" t="s">
        <v>464</v>
      </c>
      <c r="D20" s="630">
        <v>0</v>
      </c>
      <c r="E20" s="631">
        <v>0</v>
      </c>
      <c r="F20" s="631">
        <v>0</v>
      </c>
      <c r="G20" s="630">
        <v>0</v>
      </c>
      <c r="H20" s="631">
        <v>0</v>
      </c>
      <c r="I20" s="631">
        <v>0</v>
      </c>
      <c r="J20" s="630">
        <v>0</v>
      </c>
      <c r="K20" s="631">
        <v>0</v>
      </c>
      <c r="L20" s="631">
        <v>0</v>
      </c>
      <c r="M20" s="630">
        <v>0</v>
      </c>
      <c r="N20" s="631">
        <v>0</v>
      </c>
      <c r="O20" s="631">
        <v>0</v>
      </c>
      <c r="P20" s="632">
        <v>0</v>
      </c>
      <c r="Q20" s="631">
        <v>0</v>
      </c>
      <c r="R20" s="631">
        <v>0</v>
      </c>
    </row>
    <row r="21" spans="2:18" s="318" customFormat="1" ht="20.25" customHeight="1">
      <c r="B21" s="629" t="s">
        <v>478</v>
      </c>
      <c r="C21" s="633" t="s">
        <v>466</v>
      </c>
      <c r="D21" s="630">
        <v>685216.09900000005</v>
      </c>
      <c r="E21" s="631">
        <v>649364.22100000002</v>
      </c>
      <c r="F21" s="631">
        <v>35851.877999999997</v>
      </c>
      <c r="G21" s="630">
        <v>1567.7190000000001</v>
      </c>
      <c r="H21" s="631">
        <v>0</v>
      </c>
      <c r="I21" s="631">
        <v>1567.7190000000001</v>
      </c>
      <c r="J21" s="630">
        <v>647.23</v>
      </c>
      <c r="K21" s="631">
        <v>155.09</v>
      </c>
      <c r="L21" s="631">
        <v>492.14</v>
      </c>
      <c r="M21" s="630">
        <v>0</v>
      </c>
      <c r="N21" s="631">
        <v>0</v>
      </c>
      <c r="O21" s="631">
        <v>0</v>
      </c>
      <c r="P21" s="632">
        <v>0</v>
      </c>
      <c r="Q21" s="631">
        <v>0</v>
      </c>
      <c r="R21" s="631">
        <v>520175.49900000001</v>
      </c>
    </row>
    <row r="22" spans="2:18" s="318" customFormat="1" ht="20.25" customHeight="1">
      <c r="B22" s="629" t="s">
        <v>479</v>
      </c>
      <c r="C22" s="633" t="s">
        <v>468</v>
      </c>
      <c r="D22" s="630">
        <v>3004622.659</v>
      </c>
      <c r="E22" s="631">
        <v>2973314.4479999999</v>
      </c>
      <c r="F22" s="631">
        <v>31308.210999999999</v>
      </c>
      <c r="G22" s="630">
        <v>19318.899000000001</v>
      </c>
      <c r="H22" s="631">
        <v>0</v>
      </c>
      <c r="I22" s="631">
        <v>19318.899000000001</v>
      </c>
      <c r="J22" s="630">
        <v>3476.5190000000002</v>
      </c>
      <c r="K22" s="631">
        <v>2282.402</v>
      </c>
      <c r="L22" s="631">
        <v>1194.117</v>
      </c>
      <c r="M22" s="630">
        <v>453.75900000000001</v>
      </c>
      <c r="N22" s="631">
        <v>0</v>
      </c>
      <c r="O22" s="631">
        <v>453.75900000000001</v>
      </c>
      <c r="P22" s="632">
        <v>0</v>
      </c>
      <c r="Q22" s="631">
        <v>0</v>
      </c>
      <c r="R22" s="631">
        <v>937440.76399999997</v>
      </c>
    </row>
    <row r="23" spans="2:18" s="318" customFormat="1" ht="20.25" customHeight="1">
      <c r="B23" s="629" t="s">
        <v>480</v>
      </c>
      <c r="C23" s="532" t="s">
        <v>293</v>
      </c>
      <c r="D23" s="630">
        <v>9655697.1109999996</v>
      </c>
      <c r="E23" s="631">
        <v>9154590.5079999994</v>
      </c>
      <c r="F23" s="631">
        <v>501106.603</v>
      </c>
      <c r="G23" s="630">
        <v>124787.18699999999</v>
      </c>
      <c r="H23" s="631">
        <v>0</v>
      </c>
      <c r="I23" s="631">
        <v>124787.18699999999</v>
      </c>
      <c r="J23" s="630">
        <v>20280.451999999997</v>
      </c>
      <c r="K23" s="631">
        <v>9784.6569999999992</v>
      </c>
      <c r="L23" s="631">
        <v>10495.795</v>
      </c>
      <c r="M23" s="630">
        <v>29491.946</v>
      </c>
      <c r="N23" s="631">
        <v>0</v>
      </c>
      <c r="O23" s="631">
        <v>29491.946</v>
      </c>
      <c r="P23" s="632">
        <v>0</v>
      </c>
      <c r="Q23" s="631">
        <v>0</v>
      </c>
      <c r="R23" s="631">
        <v>2954305.3309999998</v>
      </c>
    </row>
    <row r="24" spans="2:18" s="318" customFormat="1" ht="20.25" customHeight="1">
      <c r="B24" s="629" t="s">
        <v>481</v>
      </c>
      <c r="C24" s="633" t="s">
        <v>460</v>
      </c>
      <c r="D24" s="630">
        <v>0</v>
      </c>
      <c r="E24" s="631">
        <v>0</v>
      </c>
      <c r="F24" s="631">
        <v>0</v>
      </c>
      <c r="G24" s="630">
        <v>0</v>
      </c>
      <c r="H24" s="631">
        <v>0</v>
      </c>
      <c r="I24" s="631">
        <v>0</v>
      </c>
      <c r="J24" s="630">
        <v>0</v>
      </c>
      <c r="K24" s="631">
        <v>0</v>
      </c>
      <c r="L24" s="631">
        <v>0</v>
      </c>
      <c r="M24" s="630">
        <v>0</v>
      </c>
      <c r="N24" s="631">
        <v>0</v>
      </c>
      <c r="O24" s="631">
        <v>0</v>
      </c>
      <c r="P24" s="632">
        <v>0</v>
      </c>
      <c r="Q24" s="631">
        <v>0</v>
      </c>
      <c r="R24" s="631">
        <v>0</v>
      </c>
    </row>
    <row r="25" spans="2:18" s="318" customFormat="1" ht="20.25" customHeight="1">
      <c r="B25" s="629" t="s">
        <v>482</v>
      </c>
      <c r="C25" s="633" t="s">
        <v>462</v>
      </c>
      <c r="D25" s="630">
        <v>455992.66</v>
      </c>
      <c r="E25" s="631">
        <v>449992.43</v>
      </c>
      <c r="F25" s="631">
        <v>6000.23</v>
      </c>
      <c r="G25" s="630">
        <v>0</v>
      </c>
      <c r="H25" s="631">
        <v>0</v>
      </c>
      <c r="I25" s="631">
        <v>0</v>
      </c>
      <c r="J25" s="630">
        <v>11.856</v>
      </c>
      <c r="K25" s="631">
        <v>11.321</v>
      </c>
      <c r="L25" s="631">
        <v>0.53500000000000003</v>
      </c>
      <c r="M25" s="630">
        <v>0</v>
      </c>
      <c r="N25" s="631">
        <v>0</v>
      </c>
      <c r="O25" s="631">
        <v>0</v>
      </c>
      <c r="P25" s="632">
        <v>0</v>
      </c>
      <c r="Q25" s="631">
        <v>0</v>
      </c>
      <c r="R25" s="631">
        <v>0</v>
      </c>
    </row>
    <row r="26" spans="2:18" s="318" customFormat="1" ht="20.25" customHeight="1">
      <c r="B26" s="629" t="s">
        <v>483</v>
      </c>
      <c r="C26" s="633" t="s">
        <v>464</v>
      </c>
      <c r="D26" s="630">
        <v>548579.549</v>
      </c>
      <c r="E26" s="631">
        <v>548075.49600000004</v>
      </c>
      <c r="F26" s="631">
        <v>504.053</v>
      </c>
      <c r="G26" s="630">
        <v>0</v>
      </c>
      <c r="H26" s="631">
        <v>0</v>
      </c>
      <c r="I26" s="631">
        <v>0</v>
      </c>
      <c r="J26" s="630">
        <v>38.006</v>
      </c>
      <c r="K26" s="631">
        <v>14.683999999999999</v>
      </c>
      <c r="L26" s="631">
        <v>23.321999999999999</v>
      </c>
      <c r="M26" s="630">
        <v>0</v>
      </c>
      <c r="N26" s="631">
        <v>0</v>
      </c>
      <c r="O26" s="631">
        <v>0</v>
      </c>
      <c r="P26" s="632">
        <v>0</v>
      </c>
      <c r="Q26" s="631">
        <v>0</v>
      </c>
      <c r="R26" s="631">
        <v>7.0170000000000003</v>
      </c>
    </row>
    <row r="27" spans="2:18" s="318" customFormat="1" ht="20.25" customHeight="1">
      <c r="B27" s="629" t="s">
        <v>484</v>
      </c>
      <c r="C27" s="633" t="s">
        <v>466</v>
      </c>
      <c r="D27" s="630">
        <v>554268.50299999991</v>
      </c>
      <c r="E27" s="631">
        <v>553041.59699999995</v>
      </c>
      <c r="F27" s="631">
        <v>1226.9059999999999</v>
      </c>
      <c r="G27" s="630">
        <v>389.39299999999997</v>
      </c>
      <c r="H27" s="631">
        <v>0</v>
      </c>
      <c r="I27" s="631">
        <v>389.39299999999997</v>
      </c>
      <c r="J27" s="630">
        <v>231.01300000000001</v>
      </c>
      <c r="K27" s="631">
        <v>223.517</v>
      </c>
      <c r="L27" s="631">
        <v>7.4960000000000004</v>
      </c>
      <c r="M27" s="630">
        <v>9.4670000000000005</v>
      </c>
      <c r="N27" s="631">
        <v>0</v>
      </c>
      <c r="O27" s="631">
        <v>9.4670000000000005</v>
      </c>
      <c r="P27" s="632">
        <v>0</v>
      </c>
      <c r="Q27" s="631">
        <v>0</v>
      </c>
      <c r="R27" s="631">
        <v>194960.573</v>
      </c>
    </row>
    <row r="28" spans="2:18" s="318" customFormat="1" ht="20.25" customHeight="1">
      <c r="B28" s="629" t="s">
        <v>485</v>
      </c>
      <c r="C28" s="633" t="s">
        <v>468</v>
      </c>
      <c r="D28" s="630">
        <v>6028774.7599999998</v>
      </c>
      <c r="E28" s="631">
        <v>5709945.716</v>
      </c>
      <c r="F28" s="631">
        <v>318829.04399999999</v>
      </c>
      <c r="G28" s="630">
        <v>118750.231</v>
      </c>
      <c r="H28" s="631">
        <v>0</v>
      </c>
      <c r="I28" s="631">
        <v>118750.231</v>
      </c>
      <c r="J28" s="630">
        <v>9488.777</v>
      </c>
      <c r="K28" s="631">
        <v>4090.127</v>
      </c>
      <c r="L28" s="631">
        <v>5398.65</v>
      </c>
      <c r="M28" s="630">
        <v>29035.465</v>
      </c>
      <c r="N28" s="631">
        <v>0</v>
      </c>
      <c r="O28" s="631">
        <v>29035.465</v>
      </c>
      <c r="P28" s="632">
        <v>0</v>
      </c>
      <c r="Q28" s="631">
        <v>0</v>
      </c>
      <c r="R28" s="631">
        <v>2350481.5359999998</v>
      </c>
    </row>
    <row r="29" spans="2:18" s="318" customFormat="1" ht="20.25" customHeight="1">
      <c r="B29" s="634" t="s">
        <v>486</v>
      </c>
      <c r="C29" s="635" t="s">
        <v>472</v>
      </c>
      <c r="D29" s="636">
        <v>2068081.639</v>
      </c>
      <c r="E29" s="631">
        <v>1893535.2690000001</v>
      </c>
      <c r="F29" s="631">
        <v>174546.37</v>
      </c>
      <c r="G29" s="636">
        <v>5647.5630000000001</v>
      </c>
      <c r="H29" s="631">
        <v>0</v>
      </c>
      <c r="I29" s="631">
        <v>5647.5630000000001</v>
      </c>
      <c r="J29" s="636">
        <v>10510.8</v>
      </c>
      <c r="K29" s="631">
        <v>5445.0079999999998</v>
      </c>
      <c r="L29" s="631">
        <v>5065.7920000000004</v>
      </c>
      <c r="M29" s="636">
        <v>447.01400000000001</v>
      </c>
      <c r="N29" s="631">
        <v>0</v>
      </c>
      <c r="O29" s="631">
        <v>447.01400000000001</v>
      </c>
      <c r="P29" s="632">
        <v>0</v>
      </c>
      <c r="Q29" s="637">
        <v>0</v>
      </c>
      <c r="R29" s="637">
        <v>408856.20500000002</v>
      </c>
    </row>
    <row r="30" spans="2:18" s="318" customFormat="1" ht="20.25" customHeight="1" thickBot="1">
      <c r="B30" s="638" t="s">
        <v>487</v>
      </c>
      <c r="C30" s="533" t="s">
        <v>40</v>
      </c>
      <c r="D30" s="639">
        <v>64382754.939000003</v>
      </c>
      <c r="E30" s="640">
        <v>60770651.416000009</v>
      </c>
      <c r="F30" s="640">
        <v>3612103.5230000005</v>
      </c>
      <c r="G30" s="639">
        <v>981734.23700000008</v>
      </c>
      <c r="H30" s="640">
        <v>0</v>
      </c>
      <c r="I30" s="640">
        <v>981734.23700000008</v>
      </c>
      <c r="J30" s="639">
        <v>247448.85399999999</v>
      </c>
      <c r="K30" s="640">
        <v>70896.377000000008</v>
      </c>
      <c r="L30" s="640">
        <v>176552.47700000001</v>
      </c>
      <c r="M30" s="639">
        <v>548629.27100000007</v>
      </c>
      <c r="N30" s="640">
        <v>0</v>
      </c>
      <c r="O30" s="640">
        <v>548629.27100000007</v>
      </c>
      <c r="P30" s="641">
        <v>0</v>
      </c>
      <c r="Q30" s="640">
        <v>16553.469000000001</v>
      </c>
      <c r="R30" s="640">
        <v>36234456.763999999</v>
      </c>
    </row>
    <row r="32" spans="2:18">
      <c r="D32" s="311"/>
      <c r="E32" s="311"/>
      <c r="F32" s="311"/>
      <c r="G32" s="311"/>
      <c r="H32" s="311"/>
      <c r="I32" s="311"/>
      <c r="J32" s="311"/>
      <c r="K32" s="311"/>
      <c r="L32" s="311"/>
      <c r="M32" s="311"/>
      <c r="N32" s="311"/>
      <c r="O32" s="311"/>
      <c r="P32" s="311"/>
      <c r="Q32" s="311"/>
      <c r="R32" s="311"/>
    </row>
  </sheetData>
  <mergeCells count="10">
    <mergeCell ref="D5:I5"/>
    <mergeCell ref="J5:O5"/>
    <mergeCell ref="P5:P6"/>
    <mergeCell ref="Q5:R5"/>
    <mergeCell ref="D6:F6"/>
    <mergeCell ref="G6:I6"/>
    <mergeCell ref="J6:L6"/>
    <mergeCell ref="M6:O6"/>
    <mergeCell ref="Q6:Q7"/>
    <mergeCell ref="R6:R7"/>
  </mergeCells>
  <hyperlinks>
    <hyperlink ref="T1" location="Índice!A1" display="Voltar ao Índice" xr:uid="{00000000-0004-0000-1000-000000000000}"/>
  </hyperlinks>
  <pageMargins left="0.70866141732283472" right="0.70866141732283472" top="0.74803149606299213" bottom="0.74803149606299213" header="0.31496062992125984" footer="0.31496062992125984"/>
  <pageSetup paperSize="9" scale="49" fitToHeight="0" orientation="landscape" r:id="rId1"/>
  <headerFooter>
    <oddFooter>&amp;C1</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tabColor rgb="FFFF0000"/>
  </sheetPr>
  <dimension ref="B1:K8"/>
  <sheetViews>
    <sheetView showGridLines="0" zoomScaleNormal="100" zoomScalePageLayoutView="70" workbookViewId="0"/>
  </sheetViews>
  <sheetFormatPr defaultColWidth="8.7109375" defaultRowHeight="18.75"/>
  <cols>
    <col min="1" max="1" width="4.7109375" style="9" customWidth="1"/>
    <col min="2" max="2" width="6.140625" style="9" customWidth="1"/>
    <col min="3" max="3" width="34.140625" style="9" customWidth="1"/>
    <col min="4" max="9" width="20.7109375" style="9" customWidth="1"/>
    <col min="10" max="10" width="8.7109375" style="9"/>
    <col min="11" max="11" width="13.140625" style="9" bestFit="1" customWidth="1"/>
    <col min="12" max="16384" width="8.7109375" style="9"/>
  </cols>
  <sheetData>
    <row r="1" spans="2:11" ht="24">
      <c r="B1" s="8" t="s">
        <v>436</v>
      </c>
      <c r="K1" s="53" t="s">
        <v>945</v>
      </c>
    </row>
    <row r="2" spans="2:11" s="130" customFormat="1">
      <c r="B2" s="237" t="s">
        <v>750</v>
      </c>
    </row>
    <row r="3" spans="2:11" s="269" customFormat="1" ht="16.5">
      <c r="B3" s="316"/>
      <c r="D3" s="348" t="s">
        <v>4</v>
      </c>
      <c r="E3" s="348" t="s">
        <v>5</v>
      </c>
      <c r="F3" s="348" t="s">
        <v>6</v>
      </c>
      <c r="G3" s="348" t="s">
        <v>41</v>
      </c>
      <c r="H3" s="348" t="s">
        <v>42</v>
      </c>
      <c r="I3" s="348" t="s">
        <v>94</v>
      </c>
    </row>
    <row r="4" spans="2:11" s="269" customFormat="1" ht="20.100000000000001" customHeight="1">
      <c r="D4" s="895" t="s">
        <v>488</v>
      </c>
      <c r="E4" s="895"/>
      <c r="F4" s="895"/>
      <c r="G4" s="895"/>
      <c r="H4" s="895"/>
      <c r="I4" s="895"/>
    </row>
    <row r="5" spans="2:11" s="269" customFormat="1" ht="33.75" customHeight="1" thickBot="1">
      <c r="D5" s="270" t="s">
        <v>489</v>
      </c>
      <c r="E5" s="270" t="s">
        <v>490</v>
      </c>
      <c r="F5" s="270" t="s">
        <v>491</v>
      </c>
      <c r="G5" s="270" t="s">
        <v>492</v>
      </c>
      <c r="H5" s="270" t="s">
        <v>493</v>
      </c>
      <c r="I5" s="270" t="s">
        <v>40</v>
      </c>
    </row>
    <row r="6" spans="2:11" s="269" customFormat="1" ht="20.100000000000001" customHeight="1">
      <c r="B6" s="567">
        <v>1</v>
      </c>
      <c r="C6" s="242" t="s">
        <v>459</v>
      </c>
      <c r="D6" s="619"/>
      <c r="E6" s="619"/>
      <c r="F6" s="619"/>
      <c r="G6" s="619"/>
      <c r="H6" s="619"/>
      <c r="I6" s="619">
        <v>0</v>
      </c>
    </row>
    <row r="7" spans="2:11" s="269" customFormat="1" ht="20.100000000000001" customHeight="1">
      <c r="B7" s="620">
        <v>2</v>
      </c>
      <c r="C7" s="421" t="s">
        <v>474</v>
      </c>
      <c r="D7" s="621"/>
      <c r="E7" s="621"/>
      <c r="F7" s="621"/>
      <c r="G7" s="621"/>
      <c r="H7" s="621"/>
      <c r="I7" s="621">
        <v>0</v>
      </c>
    </row>
    <row r="8" spans="2:11" s="269" customFormat="1" ht="20.100000000000001" customHeight="1" thickBot="1">
      <c r="B8" s="415">
        <v>3</v>
      </c>
      <c r="C8" s="581" t="s">
        <v>40</v>
      </c>
      <c r="D8" s="622">
        <v>0</v>
      </c>
      <c r="E8" s="622">
        <v>0</v>
      </c>
      <c r="F8" s="622">
        <v>0</v>
      </c>
      <c r="G8" s="622">
        <v>0</v>
      </c>
      <c r="H8" s="622">
        <v>0</v>
      </c>
      <c r="I8" s="622">
        <v>0</v>
      </c>
    </row>
  </sheetData>
  <mergeCells count="1">
    <mergeCell ref="D4:I4"/>
  </mergeCells>
  <hyperlinks>
    <hyperlink ref="K1" location="Índice!A1" display="Voltar ao Índice" xr:uid="{00000000-0004-0000-11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tabColor rgb="FFFF0000"/>
  </sheetPr>
  <dimension ref="B1:G10"/>
  <sheetViews>
    <sheetView showGridLines="0" zoomScaleNormal="100" zoomScalePageLayoutView="80" workbookViewId="0"/>
  </sheetViews>
  <sheetFormatPr defaultColWidth="8.7109375" defaultRowHeight="18.75"/>
  <cols>
    <col min="1" max="2" width="4.7109375" style="9" customWidth="1"/>
    <col min="3" max="3" width="67.140625" style="9" customWidth="1"/>
    <col min="4" max="4" width="20.7109375" style="9" customWidth="1"/>
    <col min="5" max="5" width="8.7109375" style="9"/>
    <col min="6" max="6" width="12.42578125" style="9" bestFit="1" customWidth="1"/>
    <col min="7" max="7" width="14" style="9" bestFit="1" customWidth="1"/>
    <col min="8" max="16384" width="8.7109375" style="9"/>
  </cols>
  <sheetData>
    <row r="1" spans="2:7" ht="24">
      <c r="B1" s="8" t="s">
        <v>437</v>
      </c>
      <c r="C1" s="130"/>
      <c r="D1" s="130"/>
      <c r="E1" s="130"/>
      <c r="G1" s="53" t="s">
        <v>945</v>
      </c>
    </row>
    <row r="2" spans="2:7" ht="19.5">
      <c r="B2" s="237" t="s">
        <v>750</v>
      </c>
      <c r="C2" s="607"/>
      <c r="D2" s="607"/>
      <c r="E2" s="130"/>
    </row>
    <row r="3" spans="2:7" s="238" customFormat="1" ht="16.5">
      <c r="B3" s="93"/>
      <c r="C3" s="520"/>
      <c r="D3" s="270" t="s">
        <v>4</v>
      </c>
      <c r="E3" s="269"/>
    </row>
    <row r="4" spans="2:7" s="238" customFormat="1" ht="33.75" thickBot="1">
      <c r="B4" s="93"/>
      <c r="C4" s="520"/>
      <c r="D4" s="271" t="s">
        <v>494</v>
      </c>
      <c r="E4" s="269"/>
    </row>
    <row r="5" spans="2:7" s="238" customFormat="1" ht="20.100000000000001" customHeight="1">
      <c r="B5" s="608" t="s">
        <v>238</v>
      </c>
      <c r="C5" s="609" t="s">
        <v>495</v>
      </c>
      <c r="D5" s="610">
        <v>882887</v>
      </c>
      <c r="E5" s="269"/>
    </row>
    <row r="6" spans="2:7" s="238" customFormat="1" ht="20.100000000000001" customHeight="1">
      <c r="B6" s="611" t="s">
        <v>240</v>
      </c>
      <c r="C6" s="612" t="s">
        <v>496</v>
      </c>
      <c r="D6" s="613">
        <v>125657</v>
      </c>
      <c r="E6" s="269"/>
    </row>
    <row r="7" spans="2:7" s="238" customFormat="1" ht="20.100000000000001" customHeight="1">
      <c r="B7" s="611" t="s">
        <v>461</v>
      </c>
      <c r="C7" s="612" t="s">
        <v>497</v>
      </c>
      <c r="D7" s="613">
        <v>151597</v>
      </c>
      <c r="E7" s="269"/>
    </row>
    <row r="8" spans="2:7" s="238" customFormat="1" ht="20.100000000000001" customHeight="1">
      <c r="B8" s="611" t="s">
        <v>463</v>
      </c>
      <c r="C8" s="614" t="s">
        <v>498</v>
      </c>
      <c r="D8" s="613">
        <v>1173</v>
      </c>
      <c r="E8" s="269"/>
    </row>
    <row r="9" spans="2:7" s="238" customFormat="1" ht="20.100000000000001" customHeight="1">
      <c r="B9" s="611" t="s">
        <v>465</v>
      </c>
      <c r="C9" s="614" t="s">
        <v>499</v>
      </c>
      <c r="D9" s="613">
        <v>150424</v>
      </c>
      <c r="E9" s="269"/>
    </row>
    <row r="10" spans="2:7" s="238" customFormat="1" ht="20.100000000000001" customHeight="1" thickBot="1">
      <c r="B10" s="615" t="s">
        <v>467</v>
      </c>
      <c r="C10" s="616" t="s">
        <v>500</v>
      </c>
      <c r="D10" s="617">
        <v>856947</v>
      </c>
      <c r="E10" s="269"/>
      <c r="F10" s="618"/>
    </row>
  </sheetData>
  <hyperlinks>
    <hyperlink ref="G1" location="Índice!A1" display="Voltar ao Índice" xr:uid="{00000000-0004-0000-12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abColor rgb="FFFF0000"/>
    <pageSetUpPr autoPageBreaks="0"/>
  </sheetPr>
  <dimension ref="B1:J12"/>
  <sheetViews>
    <sheetView showGridLines="0" zoomScaleNormal="100" zoomScaleSheetLayoutView="100" zoomScalePageLayoutView="60" workbookViewId="0">
      <selection activeCell="D4" sqref="D4"/>
    </sheetView>
  </sheetViews>
  <sheetFormatPr defaultColWidth="9.140625" defaultRowHeight="18.75"/>
  <cols>
    <col min="1" max="1" width="4.7109375" style="9" customWidth="1"/>
    <col min="2" max="2" width="6.28515625" style="9" customWidth="1"/>
    <col min="3" max="3" width="43.85546875" style="9" customWidth="1"/>
    <col min="4" max="4" width="23.5703125" style="9" customWidth="1"/>
    <col min="5" max="8" width="18.42578125" style="9" customWidth="1"/>
    <col min="9" max="9" width="7.42578125" style="312" customWidth="1"/>
    <col min="10" max="10" width="13.140625" style="9" bestFit="1" customWidth="1"/>
    <col min="11" max="11" width="9.140625" style="9"/>
    <col min="12" max="13" width="11" style="9" bestFit="1" customWidth="1"/>
    <col min="14" max="16384" width="9.140625" style="9"/>
  </cols>
  <sheetData>
    <row r="1" spans="2:10" ht="21" customHeight="1">
      <c r="B1" s="8" t="s">
        <v>555</v>
      </c>
      <c r="D1" s="571"/>
      <c r="E1" s="571"/>
      <c r="F1" s="571"/>
      <c r="G1" s="571"/>
      <c r="H1" s="571"/>
      <c r="I1" s="596"/>
      <c r="J1" s="53" t="s">
        <v>945</v>
      </c>
    </row>
    <row r="2" spans="2:10">
      <c r="B2" s="237" t="s">
        <v>750</v>
      </c>
    </row>
    <row r="4" spans="2:10" s="49" customFormat="1" ht="49.5">
      <c r="B4" s="269"/>
      <c r="C4" s="275"/>
      <c r="D4" s="597" t="s">
        <v>556</v>
      </c>
      <c r="E4" s="597" t="s">
        <v>557</v>
      </c>
      <c r="F4" s="598"/>
      <c r="G4" s="598"/>
      <c r="H4" s="598"/>
      <c r="I4" s="467"/>
    </row>
    <row r="5" spans="2:10" s="49" customFormat="1" ht="49.5">
      <c r="B5" s="269"/>
      <c r="C5" s="275"/>
      <c r="D5" s="470"/>
      <c r="E5" s="470"/>
      <c r="F5" s="597" t="s">
        <v>802</v>
      </c>
      <c r="G5" s="597" t="s">
        <v>803</v>
      </c>
      <c r="H5" s="599"/>
      <c r="I5" s="470"/>
    </row>
    <row r="6" spans="2:10" s="49" customFormat="1" ht="49.5">
      <c r="B6" s="269"/>
      <c r="C6" s="275"/>
      <c r="D6" s="470"/>
      <c r="E6" s="470"/>
      <c r="F6" s="470"/>
      <c r="G6" s="470"/>
      <c r="H6" s="470" t="s">
        <v>804</v>
      </c>
      <c r="I6" s="470"/>
    </row>
    <row r="7" spans="2:10" s="49" customFormat="1" ht="20.100000000000001" customHeight="1" thickBot="1">
      <c r="B7" s="269"/>
      <c r="C7" s="275"/>
      <c r="D7" s="270" t="s">
        <v>4</v>
      </c>
      <c r="E7" s="270" t="s">
        <v>5</v>
      </c>
      <c r="F7" s="270" t="s">
        <v>6</v>
      </c>
      <c r="G7" s="270" t="s">
        <v>41</v>
      </c>
      <c r="H7" s="270" t="s">
        <v>42</v>
      </c>
      <c r="I7" s="73"/>
    </row>
    <row r="8" spans="2:10" s="452" customFormat="1" ht="20.100000000000001" customHeight="1">
      <c r="B8" s="600">
        <v>1</v>
      </c>
      <c r="C8" s="531" t="s">
        <v>459</v>
      </c>
      <c r="D8" s="442"/>
      <c r="E8" s="442"/>
      <c r="F8" s="442"/>
      <c r="G8" s="442"/>
      <c r="H8" s="442"/>
      <c r="I8" s="558"/>
    </row>
    <row r="9" spans="2:10" s="452" customFormat="1" ht="20.100000000000001" customHeight="1">
      <c r="B9" s="601">
        <v>2</v>
      </c>
      <c r="C9" s="532" t="s">
        <v>558</v>
      </c>
      <c r="D9" s="434"/>
      <c r="E9" s="434"/>
      <c r="F9" s="434"/>
      <c r="G9" s="434"/>
      <c r="H9" s="602"/>
      <c r="I9" s="558"/>
    </row>
    <row r="10" spans="2:10" s="452" customFormat="1" ht="20.100000000000001" customHeight="1">
      <c r="B10" s="601">
        <v>3</v>
      </c>
      <c r="C10" s="532" t="s">
        <v>40</v>
      </c>
      <c r="D10" s="434">
        <v>0</v>
      </c>
      <c r="E10" s="434">
        <v>0</v>
      </c>
      <c r="F10" s="434">
        <v>0</v>
      </c>
      <c r="G10" s="434">
        <v>0</v>
      </c>
      <c r="H10" s="434">
        <v>0</v>
      </c>
      <c r="I10" s="558"/>
    </row>
    <row r="11" spans="2:10" s="452" customFormat="1" ht="20.100000000000001" customHeight="1">
      <c r="B11" s="601">
        <v>4</v>
      </c>
      <c r="C11" s="532" t="s">
        <v>559</v>
      </c>
      <c r="D11" s="434"/>
      <c r="E11" s="434"/>
      <c r="F11" s="434"/>
      <c r="G11" s="434"/>
      <c r="H11" s="434"/>
      <c r="I11" s="558"/>
    </row>
    <row r="12" spans="2:10" s="452" customFormat="1" ht="20.100000000000001" customHeight="1" thickBot="1">
      <c r="B12" s="603" t="s">
        <v>341</v>
      </c>
      <c r="C12" s="604" t="s">
        <v>560</v>
      </c>
      <c r="D12" s="605">
        <v>0</v>
      </c>
      <c r="E12" s="605">
        <v>0</v>
      </c>
      <c r="F12" s="606"/>
      <c r="G12" s="606"/>
      <c r="H12" s="606"/>
      <c r="I12" s="558"/>
    </row>
  </sheetData>
  <hyperlinks>
    <hyperlink ref="J1" location="Índice!A1" display="Voltar ao Índice" xr:uid="{00000000-0004-0000-14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0"/>
  </sheetPr>
  <dimension ref="B1:E50"/>
  <sheetViews>
    <sheetView showGridLines="0" zoomScale="85" zoomScaleNormal="85" workbookViewId="0">
      <pane ySplit="5" topLeftCell="A6" activePane="bottomLeft" state="frozen"/>
      <selection activeCell="B16" sqref="B16"/>
      <selection pane="bottomLeft"/>
    </sheetView>
  </sheetViews>
  <sheetFormatPr defaultColWidth="8.7109375" defaultRowHeight="16.5"/>
  <cols>
    <col min="1" max="1" width="1.28515625" style="238" customWidth="1"/>
    <col min="2" max="2" width="9.7109375" style="829" customWidth="1"/>
    <col min="3" max="3" width="1" style="238" customWidth="1"/>
    <col min="4" max="4" width="171.5703125" style="238" bestFit="1" customWidth="1"/>
    <col min="5" max="5" width="1.28515625" style="238" customWidth="1"/>
    <col min="6" max="16384" width="8.7109375" style="238"/>
  </cols>
  <sheetData>
    <row r="1" spans="2:5" ht="35.25">
      <c r="B1" s="827" t="s">
        <v>1131</v>
      </c>
    </row>
    <row r="2" spans="2:5" ht="19.5">
      <c r="B2" s="828" t="s">
        <v>783</v>
      </c>
    </row>
    <row r="3" spans="2:5">
      <c r="D3" s="830"/>
    </row>
    <row r="4" spans="2:5" ht="5.45" customHeight="1"/>
    <row r="5" spans="2:5" s="760" customFormat="1" ht="30" customHeight="1">
      <c r="B5" s="184" t="s">
        <v>822</v>
      </c>
      <c r="D5" s="183" t="s">
        <v>823</v>
      </c>
    </row>
    <row r="6" spans="2:5" ht="5.45" customHeight="1"/>
    <row r="7" spans="2:5" s="833" customFormat="1" ht="30" customHeight="1">
      <c r="B7" s="831">
        <v>1</v>
      </c>
      <c r="C7" s="832"/>
      <c r="D7" s="91" t="s">
        <v>999</v>
      </c>
      <c r="E7" s="832"/>
    </row>
    <row r="8" spans="2:5" s="833" customFormat="1" ht="30" customHeight="1">
      <c r="B8" s="831">
        <f>+B7+1</f>
        <v>2</v>
      </c>
      <c r="C8" s="832"/>
      <c r="D8" s="91" t="s">
        <v>1039</v>
      </c>
      <c r="E8" s="832"/>
    </row>
    <row r="9" spans="2:5" s="832" customFormat="1" ht="30" customHeight="1">
      <c r="B9" s="831">
        <f t="shared" ref="B9:B50" si="0">+B8+1</f>
        <v>3</v>
      </c>
      <c r="D9" s="834" t="s">
        <v>731</v>
      </c>
      <c r="E9" s="833"/>
    </row>
    <row r="10" spans="2:5" s="833" customFormat="1" ht="30" customHeight="1">
      <c r="B10" s="831">
        <f t="shared" si="0"/>
        <v>4</v>
      </c>
      <c r="D10" s="835" t="s">
        <v>824</v>
      </c>
    </row>
    <row r="11" spans="2:5" s="833" customFormat="1" ht="30" customHeight="1">
      <c r="B11" s="831">
        <f t="shared" si="0"/>
        <v>5</v>
      </c>
      <c r="D11" s="835" t="s">
        <v>825</v>
      </c>
    </row>
    <row r="12" spans="2:5" s="833" customFormat="1" ht="30" customHeight="1">
      <c r="B12" s="831">
        <f t="shared" si="0"/>
        <v>6</v>
      </c>
      <c r="D12" s="835" t="s">
        <v>826</v>
      </c>
    </row>
    <row r="13" spans="2:5" s="833" customFormat="1" ht="30" customHeight="1">
      <c r="B13" s="831">
        <f t="shared" si="0"/>
        <v>7</v>
      </c>
      <c r="D13" s="835" t="s">
        <v>827</v>
      </c>
    </row>
    <row r="14" spans="2:5" s="833" customFormat="1" ht="30" customHeight="1">
      <c r="B14" s="831">
        <f t="shared" si="0"/>
        <v>8</v>
      </c>
      <c r="D14" s="835" t="s">
        <v>828</v>
      </c>
    </row>
    <row r="15" spans="2:5" s="833" customFormat="1" ht="30" customHeight="1">
      <c r="B15" s="831">
        <f t="shared" si="0"/>
        <v>9</v>
      </c>
      <c r="D15" s="835" t="s">
        <v>829</v>
      </c>
    </row>
    <row r="16" spans="2:5" s="833" customFormat="1" ht="30" customHeight="1">
      <c r="B16" s="831">
        <f t="shared" si="0"/>
        <v>10</v>
      </c>
      <c r="D16" s="835" t="s">
        <v>830</v>
      </c>
    </row>
    <row r="17" spans="2:4" s="833" customFormat="1" ht="30" customHeight="1">
      <c r="B17" s="831">
        <f t="shared" si="0"/>
        <v>11</v>
      </c>
      <c r="D17" s="835" t="s">
        <v>831</v>
      </c>
    </row>
    <row r="18" spans="2:4" s="833" customFormat="1" ht="30" customHeight="1">
      <c r="B18" s="831">
        <f t="shared" si="0"/>
        <v>12</v>
      </c>
      <c r="D18" s="835" t="s">
        <v>832</v>
      </c>
    </row>
    <row r="19" spans="2:4" s="833" customFormat="1" ht="30" customHeight="1">
      <c r="B19" s="831">
        <f t="shared" si="0"/>
        <v>13</v>
      </c>
      <c r="D19" s="835" t="s">
        <v>833</v>
      </c>
    </row>
    <row r="20" spans="2:4" s="833" customFormat="1" ht="30" customHeight="1">
      <c r="B20" s="831">
        <f t="shared" si="0"/>
        <v>14</v>
      </c>
      <c r="D20" s="835" t="s">
        <v>834</v>
      </c>
    </row>
    <row r="21" spans="2:4" s="833" customFormat="1" ht="30" customHeight="1">
      <c r="B21" s="831">
        <f>+B20+1</f>
        <v>15</v>
      </c>
      <c r="D21" s="835" t="s">
        <v>1189</v>
      </c>
    </row>
    <row r="22" spans="2:4" s="833" customFormat="1" ht="30" customHeight="1">
      <c r="B22" s="831">
        <f t="shared" si="0"/>
        <v>16</v>
      </c>
      <c r="D22" s="835" t="s">
        <v>835</v>
      </c>
    </row>
    <row r="23" spans="2:4" s="833" customFormat="1" ht="30" customHeight="1">
      <c r="B23" s="831">
        <f t="shared" si="0"/>
        <v>17</v>
      </c>
      <c r="D23" s="835" t="s">
        <v>836</v>
      </c>
    </row>
    <row r="24" spans="2:4" s="832" customFormat="1" ht="30" customHeight="1">
      <c r="B24" s="831">
        <f t="shared" si="0"/>
        <v>18</v>
      </c>
      <c r="D24" s="91" t="s">
        <v>1089</v>
      </c>
    </row>
    <row r="25" spans="2:4" s="833" customFormat="1" ht="30" customHeight="1">
      <c r="B25" s="831">
        <f>+B24+1</f>
        <v>19</v>
      </c>
      <c r="D25" s="835" t="s">
        <v>837</v>
      </c>
    </row>
    <row r="26" spans="2:4" s="833" customFormat="1" ht="30" customHeight="1">
      <c r="B26" s="831">
        <f t="shared" si="0"/>
        <v>20</v>
      </c>
      <c r="D26" s="835" t="s">
        <v>838</v>
      </c>
    </row>
    <row r="27" spans="2:4" s="833" customFormat="1" ht="30" customHeight="1">
      <c r="B27" s="831">
        <f t="shared" si="0"/>
        <v>21</v>
      </c>
      <c r="D27" s="835" t="s">
        <v>839</v>
      </c>
    </row>
    <row r="28" spans="2:4" s="833" customFormat="1" ht="30" customHeight="1">
      <c r="B28" s="831">
        <f t="shared" si="0"/>
        <v>22</v>
      </c>
      <c r="D28" s="835" t="s">
        <v>840</v>
      </c>
    </row>
    <row r="29" spans="2:4" s="833" customFormat="1" ht="30" customHeight="1">
      <c r="B29" s="831">
        <f t="shared" si="0"/>
        <v>23</v>
      </c>
      <c r="D29" s="835" t="s">
        <v>841</v>
      </c>
    </row>
    <row r="30" spans="2:4" s="833" customFormat="1" ht="30" customHeight="1">
      <c r="B30" s="831">
        <f t="shared" si="0"/>
        <v>24</v>
      </c>
      <c r="D30" s="836" t="s">
        <v>842</v>
      </c>
    </row>
    <row r="31" spans="2:4" s="833" customFormat="1" ht="30" customHeight="1">
      <c r="B31" s="831">
        <f t="shared" si="0"/>
        <v>25</v>
      </c>
      <c r="D31" s="835" t="s">
        <v>843</v>
      </c>
    </row>
    <row r="32" spans="2:4" s="833" customFormat="1" ht="30" customHeight="1">
      <c r="B32" s="831">
        <f t="shared" si="0"/>
        <v>26</v>
      </c>
      <c r="D32" s="836" t="s">
        <v>844</v>
      </c>
    </row>
    <row r="33" spans="2:5" s="833" customFormat="1" ht="30" customHeight="1">
      <c r="B33" s="831">
        <f t="shared" si="0"/>
        <v>27</v>
      </c>
      <c r="D33" s="836" t="s">
        <v>845</v>
      </c>
    </row>
    <row r="34" spans="2:5" s="833" customFormat="1" ht="30" customHeight="1">
      <c r="B34" s="831">
        <f t="shared" si="0"/>
        <v>28</v>
      </c>
      <c r="D34" s="835" t="s">
        <v>846</v>
      </c>
    </row>
    <row r="35" spans="2:5" s="833" customFormat="1" ht="30" customHeight="1">
      <c r="B35" s="831">
        <f t="shared" si="0"/>
        <v>29</v>
      </c>
      <c r="D35" s="835" t="s">
        <v>847</v>
      </c>
    </row>
    <row r="36" spans="2:5" s="833" customFormat="1" ht="30" customHeight="1">
      <c r="B36" s="831">
        <f t="shared" si="0"/>
        <v>30</v>
      </c>
      <c r="D36" s="835" t="s">
        <v>848</v>
      </c>
    </row>
    <row r="37" spans="2:5" s="833" customFormat="1" ht="30" customHeight="1">
      <c r="B37" s="831">
        <f t="shared" si="0"/>
        <v>31</v>
      </c>
      <c r="D37" s="835" t="s">
        <v>849</v>
      </c>
    </row>
    <row r="38" spans="2:5" s="832" customFormat="1" ht="30" customHeight="1">
      <c r="B38" s="831">
        <f t="shared" si="0"/>
        <v>32</v>
      </c>
      <c r="D38" s="834" t="s">
        <v>850</v>
      </c>
      <c r="E38" s="833"/>
    </row>
    <row r="39" spans="2:5" s="832" customFormat="1" ht="30" customHeight="1">
      <c r="B39" s="831">
        <f t="shared" si="0"/>
        <v>33</v>
      </c>
      <c r="D39" s="834" t="s">
        <v>851</v>
      </c>
      <c r="E39" s="833"/>
    </row>
    <row r="40" spans="2:5" s="832" customFormat="1" ht="30" customHeight="1">
      <c r="B40" s="831">
        <f t="shared" si="0"/>
        <v>34</v>
      </c>
      <c r="D40" s="834" t="s">
        <v>852</v>
      </c>
      <c r="E40" s="833"/>
    </row>
    <row r="41" spans="2:5" s="833" customFormat="1" ht="30" customHeight="1">
      <c r="B41" s="831">
        <f t="shared" si="0"/>
        <v>35</v>
      </c>
      <c r="D41" s="835" t="s">
        <v>853</v>
      </c>
    </row>
    <row r="42" spans="2:5" s="833" customFormat="1" ht="30" customHeight="1">
      <c r="B42" s="831">
        <f t="shared" si="0"/>
        <v>36</v>
      </c>
      <c r="D42" s="835" t="s">
        <v>854</v>
      </c>
    </row>
    <row r="43" spans="2:5" s="833" customFormat="1" ht="30" customHeight="1">
      <c r="B43" s="831">
        <f t="shared" si="0"/>
        <v>37</v>
      </c>
      <c r="D43" s="835" t="s">
        <v>855</v>
      </c>
    </row>
    <row r="44" spans="2:5" s="833" customFormat="1" ht="30" customHeight="1">
      <c r="B44" s="831">
        <f t="shared" si="0"/>
        <v>38</v>
      </c>
      <c r="D44" s="835" t="s">
        <v>1118</v>
      </c>
    </row>
    <row r="45" spans="2:5" s="833" customFormat="1" ht="30" customHeight="1">
      <c r="B45" s="831">
        <f t="shared" si="0"/>
        <v>39</v>
      </c>
      <c r="D45" s="835" t="s">
        <v>1119</v>
      </c>
    </row>
    <row r="46" spans="2:5" s="833" customFormat="1" ht="30" customHeight="1">
      <c r="B46" s="831">
        <f t="shared" si="0"/>
        <v>40</v>
      </c>
      <c r="D46" s="835" t="s">
        <v>1120</v>
      </c>
    </row>
    <row r="47" spans="2:5" s="833" customFormat="1" ht="30" customHeight="1">
      <c r="B47" s="831">
        <f t="shared" si="0"/>
        <v>41</v>
      </c>
      <c r="C47" s="832"/>
      <c r="D47" s="91" t="s">
        <v>1038</v>
      </c>
      <c r="E47" s="832"/>
    </row>
    <row r="48" spans="2:5" s="833" customFormat="1" ht="30" customHeight="1">
      <c r="B48" s="831">
        <f t="shared" si="0"/>
        <v>42</v>
      </c>
      <c r="C48" s="832"/>
      <c r="D48" s="91" t="s">
        <v>971</v>
      </c>
      <c r="E48" s="832"/>
    </row>
    <row r="49" spans="2:5" s="833" customFormat="1" ht="30" customHeight="1">
      <c r="B49" s="831">
        <f t="shared" si="0"/>
        <v>43</v>
      </c>
      <c r="C49" s="832"/>
      <c r="D49" s="91" t="s">
        <v>978</v>
      </c>
      <c r="E49" s="832"/>
    </row>
    <row r="50" spans="2:5" s="833" customFormat="1" ht="30" customHeight="1">
      <c r="B50" s="831">
        <f t="shared" si="0"/>
        <v>44</v>
      </c>
      <c r="C50" s="832"/>
      <c r="D50" s="91" t="s">
        <v>990</v>
      </c>
      <c r="E50" s="832"/>
    </row>
  </sheetData>
  <hyperlinks>
    <hyperlink ref="B24" location="'18'!A1" display="'18'!A1" xr:uid="{00000000-0004-0000-0300-000001000000}"/>
    <hyperlink ref="B7" location="'1'!A1" display="'1'!A1" xr:uid="{00000000-0004-0000-0300-000003000000}"/>
    <hyperlink ref="B8" location="'2'!A1" display="'2'!A1" xr:uid="{00000000-0004-0000-0300-000004000000}"/>
    <hyperlink ref="B10" location="'4'!A1" display="'4'!A1" xr:uid="{00000000-0004-0000-0300-000005000000}"/>
    <hyperlink ref="B11" location="'5'!A1" display="'5'!A1" xr:uid="{00000000-0004-0000-0300-000006000000}"/>
    <hyperlink ref="B12" location="'6'!A1" display="'6'!A1" xr:uid="{00000000-0004-0000-0300-000007000000}"/>
    <hyperlink ref="B13" location="'7'!A1" display="'7'!A1" xr:uid="{00000000-0004-0000-0300-000008000000}"/>
    <hyperlink ref="B14" location="'8'!A1" display="'8'!A1" xr:uid="{00000000-0004-0000-0300-000009000000}"/>
    <hyperlink ref="B15" location="'9'!A1" display="'9'!A1" xr:uid="{00000000-0004-0000-0300-00000A000000}"/>
    <hyperlink ref="B16" location="'10'!A1" display="'10'!A1" xr:uid="{00000000-0004-0000-0300-00000B000000}"/>
    <hyperlink ref="B17" location="'11'!A1" display="'11'!A1" xr:uid="{00000000-0004-0000-0300-00000C000000}"/>
    <hyperlink ref="B18" location="'12'!A1" display="'12'!A1" xr:uid="{00000000-0004-0000-0300-00000D000000}"/>
    <hyperlink ref="B19" location="'13'!A1" display="'13'!A1" xr:uid="{00000000-0004-0000-0300-00000E000000}"/>
    <hyperlink ref="B20" location="'14'!A1" display="'14'!A1" xr:uid="{00000000-0004-0000-0300-00000F000000}"/>
    <hyperlink ref="B21" location="'15'!A1" display="'15'!A1" xr:uid="{00000000-0004-0000-0300-000011000000}"/>
    <hyperlink ref="B22" location="'16'!A1" display="'16'!A1" xr:uid="{00000000-0004-0000-0300-000012000000}"/>
    <hyperlink ref="B23" location="'17'!A1" display="'17'!A1" xr:uid="{00000000-0004-0000-0300-000013000000}"/>
    <hyperlink ref="B25" location="'19'!A1" display="'19'!A1" xr:uid="{00000000-0004-0000-0300-000014000000}"/>
    <hyperlink ref="B26" location="'20'!A1" display="'20'!A1" xr:uid="{00000000-0004-0000-0300-000015000000}"/>
    <hyperlink ref="B27" location="'21'!A1" display="'21'!A1" xr:uid="{00000000-0004-0000-0300-000016000000}"/>
    <hyperlink ref="B28" location="'22'!A1" display="'22'!A1" xr:uid="{00000000-0004-0000-0300-000017000000}"/>
    <hyperlink ref="B29" location="'23'!A1" display="'23'!A1" xr:uid="{00000000-0004-0000-0300-000018000000}"/>
    <hyperlink ref="B30" location="'24'!A1" display="'24'!A1" xr:uid="{00000000-0004-0000-0300-000019000000}"/>
    <hyperlink ref="B31" location="'25'!A1" display="'25'!A1" xr:uid="{00000000-0004-0000-0300-00001A000000}"/>
    <hyperlink ref="B32" location="'26'!A1" display="'26'!A1" xr:uid="{00000000-0004-0000-0300-00001B000000}"/>
    <hyperlink ref="B33" location="'27'!A1" display="'27'!A1" xr:uid="{00000000-0004-0000-0300-00001C000000}"/>
    <hyperlink ref="B34" location="'28'!A1" display="'28'!A1" xr:uid="{00000000-0004-0000-0300-00001D000000}"/>
    <hyperlink ref="B35" location="'29'!A1" display="'29'!A1" xr:uid="{00000000-0004-0000-0300-00001E000000}"/>
    <hyperlink ref="B36" location="'30'!A1" display="'30'!A1" xr:uid="{00000000-0004-0000-0300-00001F000000}"/>
    <hyperlink ref="B37" location="'31'!A1" display="'31'!A1" xr:uid="{00000000-0004-0000-0300-000020000000}"/>
    <hyperlink ref="B38" location="'32'!A1" display="'32'!A1" xr:uid="{00000000-0004-0000-0300-000021000000}"/>
    <hyperlink ref="B39" location="'33'!A1" display="'33'!A1" xr:uid="{00000000-0004-0000-0300-000022000000}"/>
    <hyperlink ref="B40" location="'34'!A1" display="'34'!A1" xr:uid="{00000000-0004-0000-0300-000023000000}"/>
    <hyperlink ref="B41" location="'35'!A1" display="'35'!A1" xr:uid="{00000000-0004-0000-0300-000024000000}"/>
    <hyperlink ref="B42" location="'36'!A1" display="'36'!A1" xr:uid="{00000000-0004-0000-0300-000025000000}"/>
    <hyperlink ref="B43" location="'37'!A1" display="'37'!A1" xr:uid="{00000000-0004-0000-0300-000026000000}"/>
    <hyperlink ref="B9" location="'3'!A1" display="'3'!A1" xr:uid="{00000000-0004-0000-0300-000027000000}"/>
    <hyperlink ref="B47" location="'41'!A1" display="'41'!A1" xr:uid="{00000000-0004-0000-0300-000029000000}"/>
    <hyperlink ref="B49" location="'43'!A1" display="'43'!A1" xr:uid="{C3B8D5E7-F2FC-4106-9316-72A5CAA5A830}"/>
    <hyperlink ref="B50" location="'44'!A1" display="'44'!A1" xr:uid="{5FDC9995-C72F-4DC4-A394-05A974718DDA}"/>
    <hyperlink ref="B48" location="'42'!A1" display="'42'!A1" xr:uid="{7D1AABF1-B1B9-44EB-B28E-A2372E8CDE18}"/>
    <hyperlink ref="B46" location="'40'!A1" display="'40'!A1" xr:uid="{47CC5C18-B5C9-4010-8B4C-4ABB8B3A06A0}"/>
    <hyperlink ref="B45" location="'39'!A1" display="'39'!A1" xr:uid="{245E0EF7-D696-4927-B07D-235B8B081663}"/>
    <hyperlink ref="B44" location="'38'!A1" display="'38'!A1" xr:uid="{27EFA1B6-D16C-4B56-B67F-4C8F04215559}"/>
  </hyperlinks>
  <pageMargins left="0.70866141732283472" right="0.70866141732283472" top="0.74803149606299213" bottom="0.74803149606299213" header="0.31496062992125984" footer="0.31496062992125984"/>
  <pageSetup paperSize="9" scale="32" orientation="landscape" r:id="rId1"/>
  <headerFooter>
    <oddFooter>&amp;C1</oddFooter>
  </headerFooter>
  <colBreaks count="1" manualBreakCount="1">
    <brk id="6" max="1048575"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tabColor rgb="FFFF0000"/>
  </sheetPr>
  <dimension ref="A1:M39"/>
  <sheetViews>
    <sheetView showGridLines="0" zoomScaleNormal="100" workbookViewId="0"/>
  </sheetViews>
  <sheetFormatPr defaultColWidth="9.140625" defaultRowHeight="16.5"/>
  <cols>
    <col min="1" max="1" width="9.140625" style="93"/>
    <col min="2" max="2" width="13" style="93" customWidth="1"/>
    <col min="3" max="3" width="78.28515625" style="93" customWidth="1"/>
    <col min="4" max="4" width="18.28515625" style="93" bestFit="1" customWidth="1"/>
    <col min="5" max="5" width="20.7109375" style="93" customWidth="1"/>
    <col min="6" max="6" width="1.5703125" style="93" customWidth="1"/>
    <col min="7" max="7" width="9.140625" style="93"/>
    <col min="8" max="8" width="13.28515625" style="93" bestFit="1" customWidth="1"/>
    <col min="9" max="16384" width="9.140625" style="93"/>
  </cols>
  <sheetData>
    <row r="1" spans="2:13" ht="24">
      <c r="B1" s="897" t="s">
        <v>1041</v>
      </c>
      <c r="C1" s="897"/>
      <c r="D1" s="897"/>
      <c r="E1" s="897"/>
      <c r="F1" s="897"/>
      <c r="G1" s="897"/>
      <c r="H1" s="897"/>
      <c r="I1" s="897"/>
      <c r="J1" s="897"/>
      <c r="K1" s="897"/>
      <c r="L1" s="897"/>
      <c r="M1" s="897"/>
    </row>
    <row r="2" spans="2:13" ht="24">
      <c r="B2" s="8" t="s">
        <v>1088</v>
      </c>
      <c r="C2" s="8"/>
      <c r="D2" s="8"/>
      <c r="E2" s="8"/>
      <c r="F2" s="8"/>
      <c r="G2" s="8"/>
      <c r="H2" s="8"/>
      <c r="I2" s="8"/>
      <c r="J2" s="8"/>
      <c r="K2" s="8"/>
      <c r="L2" s="8"/>
    </row>
    <row r="3" spans="2:13">
      <c r="B3" s="262" t="s">
        <v>750</v>
      </c>
      <c r="H3" s="53" t="s">
        <v>945</v>
      </c>
    </row>
    <row r="7" spans="2:13" s="585" customFormat="1" ht="17.25" thickBot="1">
      <c r="B7" s="584"/>
      <c r="D7" s="150" t="s">
        <v>4</v>
      </c>
      <c r="E7" s="150" t="s">
        <v>6</v>
      </c>
    </row>
    <row r="8" spans="2:13" s="585" customFormat="1" ht="67.5" customHeight="1" thickBot="1">
      <c r="B8" s="148"/>
      <c r="C8" s="149"/>
      <c r="D8" s="151" t="s">
        <v>1084</v>
      </c>
      <c r="E8" s="151" t="s">
        <v>1083</v>
      </c>
    </row>
    <row r="9" spans="2:13" s="585" customFormat="1" ht="35.1" customHeight="1" thickBot="1">
      <c r="B9" s="896" t="s">
        <v>1082</v>
      </c>
      <c r="C9" s="896"/>
      <c r="D9" s="896"/>
      <c r="E9" s="896"/>
    </row>
    <row r="10" spans="2:13" s="585" customFormat="1" ht="30" customHeight="1">
      <c r="B10" s="154" t="s">
        <v>333</v>
      </c>
      <c r="C10" s="155" t="s">
        <v>1081</v>
      </c>
      <c r="D10" s="165"/>
      <c r="E10" s="586" t="s">
        <v>1080</v>
      </c>
    </row>
    <row r="11" spans="2:13" s="585" customFormat="1" ht="30" customHeight="1">
      <c r="B11" s="156" t="s">
        <v>335</v>
      </c>
      <c r="C11" s="157" t="s">
        <v>1079</v>
      </c>
      <c r="D11" s="166"/>
      <c r="E11" s="587" t="s">
        <v>808</v>
      </c>
    </row>
    <row r="12" spans="2:13" s="585" customFormat="1" ht="30" customHeight="1">
      <c r="B12" s="156" t="s">
        <v>1078</v>
      </c>
      <c r="C12" s="157" t="s">
        <v>1077</v>
      </c>
      <c r="D12" s="166"/>
      <c r="E12" s="587" t="s">
        <v>1040</v>
      </c>
    </row>
    <row r="13" spans="2:13" s="585" customFormat="1" ht="30" customHeight="1" thickBot="1">
      <c r="B13" s="158" t="s">
        <v>1076</v>
      </c>
      <c r="C13" s="159" t="s">
        <v>1075</v>
      </c>
      <c r="D13" s="167"/>
      <c r="E13" s="588" t="s">
        <v>1074</v>
      </c>
    </row>
    <row r="14" spans="2:13" s="585" customFormat="1" ht="35.1" customHeight="1" thickBot="1">
      <c r="B14" s="896" t="s">
        <v>991</v>
      </c>
      <c r="C14" s="896"/>
      <c r="D14" s="896"/>
      <c r="E14" s="896"/>
    </row>
    <row r="15" spans="2:13" s="585" customFormat="1" ht="30" customHeight="1">
      <c r="B15" s="154" t="s">
        <v>337</v>
      </c>
      <c r="C15" s="155" t="s">
        <v>1073</v>
      </c>
      <c r="D15" s="589">
        <v>2237172.61919</v>
      </c>
      <c r="E15" s="590"/>
    </row>
    <row r="16" spans="2:13" s="585" customFormat="1" ht="30" customHeight="1">
      <c r="B16" s="156" t="s">
        <v>339</v>
      </c>
      <c r="C16" s="157" t="s">
        <v>1072</v>
      </c>
      <c r="D16" s="591">
        <v>700000</v>
      </c>
      <c r="E16" s="168"/>
    </row>
    <row r="17" spans="1:5" s="585" customFormat="1" ht="30" customHeight="1">
      <c r="B17" s="156" t="s">
        <v>341</v>
      </c>
      <c r="C17" s="157" t="s">
        <v>1071</v>
      </c>
      <c r="D17" s="591">
        <v>261063.23003000001</v>
      </c>
      <c r="E17" s="169"/>
    </row>
    <row r="18" spans="1:5" s="585" customFormat="1" ht="30" customHeight="1">
      <c r="B18" s="156" t="s">
        <v>343</v>
      </c>
      <c r="C18" s="157" t="s">
        <v>1070</v>
      </c>
      <c r="D18" s="591">
        <v>3198235.8492199997</v>
      </c>
      <c r="E18" s="170"/>
    </row>
    <row r="19" spans="1:5" s="585" customFormat="1" ht="30" customHeight="1">
      <c r="B19" s="156" t="s">
        <v>345</v>
      </c>
      <c r="C19" s="157" t="s">
        <v>1069</v>
      </c>
      <c r="D19" s="591">
        <v>1620117.6547999999</v>
      </c>
      <c r="E19" s="592"/>
    </row>
    <row r="20" spans="1:5" s="585" customFormat="1" ht="30" customHeight="1">
      <c r="B20" s="156" t="s">
        <v>347</v>
      </c>
      <c r="C20" s="160" t="s">
        <v>1056</v>
      </c>
      <c r="D20" s="591">
        <v>0</v>
      </c>
      <c r="E20" s="171"/>
    </row>
    <row r="21" spans="1:5" s="585" customFormat="1" ht="30" customHeight="1">
      <c r="B21" s="156" t="s">
        <v>214</v>
      </c>
      <c r="C21" s="157" t="s">
        <v>1068</v>
      </c>
      <c r="D21" s="591">
        <v>0</v>
      </c>
      <c r="E21" s="172"/>
    </row>
    <row r="22" spans="1:5" s="585" customFormat="1" ht="30" customHeight="1" thickBot="1">
      <c r="B22" s="158" t="s">
        <v>215</v>
      </c>
      <c r="C22" s="159" t="s">
        <v>1067</v>
      </c>
      <c r="D22" s="593">
        <v>4818353.5040200008</v>
      </c>
      <c r="E22" s="173"/>
    </row>
    <row r="23" spans="1:5" s="585" customFormat="1" ht="35.1" customHeight="1" thickBot="1">
      <c r="A23" s="585" t="s">
        <v>1066</v>
      </c>
      <c r="B23" s="896" t="s">
        <v>1065</v>
      </c>
      <c r="C23" s="896"/>
      <c r="D23" s="896"/>
      <c r="E23" s="896"/>
    </row>
    <row r="24" spans="1:5" s="585" customFormat="1" ht="30" customHeight="1">
      <c r="B24" s="154" t="s">
        <v>351</v>
      </c>
      <c r="C24" s="155" t="s">
        <v>1064</v>
      </c>
      <c r="D24" s="589">
        <v>15724637.478027599</v>
      </c>
      <c r="E24" s="590"/>
    </row>
    <row r="25" spans="1:5" s="585" customFormat="1" ht="30" customHeight="1" thickBot="1">
      <c r="B25" s="158" t="s">
        <v>353</v>
      </c>
      <c r="C25" s="159" t="s">
        <v>1063</v>
      </c>
      <c r="D25" s="593">
        <v>59051011.884236299</v>
      </c>
      <c r="E25" s="594"/>
    </row>
    <row r="26" spans="1:5" s="585" customFormat="1" ht="35.1" customHeight="1" thickBot="1">
      <c r="B26" s="896" t="s">
        <v>1062</v>
      </c>
      <c r="C26" s="896"/>
      <c r="D26" s="896"/>
      <c r="E26" s="896"/>
    </row>
    <row r="27" spans="1:5" s="585" customFormat="1" ht="30" customHeight="1">
      <c r="B27" s="154" t="s">
        <v>355</v>
      </c>
      <c r="C27" s="155" t="s">
        <v>1061</v>
      </c>
      <c r="D27" s="861">
        <f>+D22/D24</f>
        <v>0.30642064154119913</v>
      </c>
      <c r="E27" s="174"/>
    </row>
    <row r="28" spans="1:5" s="585" customFormat="1" ht="30" customHeight="1">
      <c r="B28" s="156" t="s">
        <v>1060</v>
      </c>
      <c r="C28" s="160" t="s">
        <v>1056</v>
      </c>
      <c r="D28" s="862">
        <v>0</v>
      </c>
      <c r="E28" s="169"/>
    </row>
    <row r="29" spans="1:5" s="585" customFormat="1" ht="30" customHeight="1">
      <c r="B29" s="156" t="s">
        <v>1059</v>
      </c>
      <c r="C29" s="157" t="s">
        <v>1058</v>
      </c>
      <c r="D29" s="862">
        <f>+D22/D25</f>
        <v>8.1596459574069774E-2</v>
      </c>
      <c r="E29" s="592"/>
    </row>
    <row r="30" spans="1:5" s="585" customFormat="1" ht="30" customHeight="1">
      <c r="B30" s="156" t="s">
        <v>1057</v>
      </c>
      <c r="C30" s="160" t="s">
        <v>1056</v>
      </c>
      <c r="D30" s="862">
        <v>0</v>
      </c>
      <c r="E30" s="592"/>
    </row>
    <row r="31" spans="1:5" s="585" customFormat="1" ht="30" customHeight="1">
      <c r="B31" s="156" t="s">
        <v>1055</v>
      </c>
      <c r="C31" s="157" t="s">
        <v>1054</v>
      </c>
      <c r="D31" s="862">
        <v>9.3720641541198996E-2</v>
      </c>
      <c r="E31" s="592"/>
    </row>
    <row r="32" spans="1:5" s="585" customFormat="1" ht="30" customHeight="1" thickBot="1">
      <c r="B32" s="158" t="s">
        <v>1053</v>
      </c>
      <c r="C32" s="159" t="s">
        <v>1052</v>
      </c>
      <c r="D32" s="162"/>
      <c r="E32" s="595"/>
    </row>
    <row r="33" spans="2:5" s="585" customFormat="1" ht="35.1" customHeight="1" thickBot="1">
      <c r="B33" s="896" t="s">
        <v>1051</v>
      </c>
      <c r="C33" s="896"/>
      <c r="D33" s="896"/>
      <c r="E33" s="896"/>
    </row>
    <row r="34" spans="2:5" s="585" customFormat="1" ht="30" customHeight="1">
      <c r="B34" s="154" t="s">
        <v>1050</v>
      </c>
      <c r="C34" s="155" t="s">
        <v>1049</v>
      </c>
      <c r="D34" s="179">
        <v>0.2127</v>
      </c>
      <c r="E34" s="175"/>
    </row>
    <row r="35" spans="2:5" s="585" customFormat="1" ht="30" customHeight="1">
      <c r="B35" s="156" t="s">
        <v>1048</v>
      </c>
      <c r="C35" s="160" t="s">
        <v>1045</v>
      </c>
      <c r="D35" s="180">
        <v>0</v>
      </c>
      <c r="E35" s="176"/>
    </row>
    <row r="36" spans="2:5" s="585" customFormat="1" ht="30" customHeight="1">
      <c r="B36" s="156" t="s">
        <v>1047</v>
      </c>
      <c r="C36" s="157" t="s">
        <v>1046</v>
      </c>
      <c r="D36" s="180">
        <v>5.91E-2</v>
      </c>
      <c r="E36" s="177"/>
    </row>
    <row r="37" spans="2:5" s="585" customFormat="1" ht="30" customHeight="1" thickBot="1">
      <c r="B37" s="158" t="s">
        <v>395</v>
      </c>
      <c r="C37" s="161" t="s">
        <v>1045</v>
      </c>
      <c r="D37" s="181">
        <v>0</v>
      </c>
      <c r="E37" s="178"/>
    </row>
    <row r="38" spans="2:5" s="585" customFormat="1" ht="35.1" customHeight="1" thickBot="1">
      <c r="B38" s="896" t="s">
        <v>1044</v>
      </c>
      <c r="C38" s="896"/>
      <c r="D38" s="896"/>
      <c r="E38" s="896"/>
    </row>
    <row r="39" spans="2:5" s="585" customFormat="1" ht="30" customHeight="1" thickBot="1">
      <c r="B39" s="152" t="s">
        <v>1043</v>
      </c>
      <c r="C39" s="153" t="s">
        <v>1042</v>
      </c>
      <c r="D39" s="164"/>
      <c r="E39" s="163"/>
    </row>
  </sheetData>
  <mergeCells count="7">
    <mergeCell ref="B33:E33"/>
    <mergeCell ref="B38:E38"/>
    <mergeCell ref="B1:M1"/>
    <mergeCell ref="B9:E9"/>
    <mergeCell ref="B14:E14"/>
    <mergeCell ref="B23:E23"/>
    <mergeCell ref="B26:E26"/>
  </mergeCells>
  <hyperlinks>
    <hyperlink ref="H3" location="Índice!A1" display="Voltar ao Índice" xr:uid="{00000000-0004-0000-1500-000000000000}"/>
  </hyperlinks>
  <pageMargins left="0.70866141732283472" right="0.70866141732283472" top="0.74803149606299213" bottom="0.74803149606299213" header="0.31496062992125984" footer="0.31496062992125984"/>
  <pageSetup paperSize="9" scale="43" orientation="landscape" r:id="rId1"/>
  <headerFooter>
    <oddFooter>&amp;C1</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tabColor rgb="FFFF0000"/>
  </sheetPr>
  <dimension ref="B1:J32"/>
  <sheetViews>
    <sheetView showGridLines="0" zoomScaleNormal="100" zoomScalePageLayoutView="50" workbookViewId="0">
      <selection activeCell="C4" sqref="C4:C6"/>
    </sheetView>
  </sheetViews>
  <sheetFormatPr defaultColWidth="8.7109375" defaultRowHeight="18.75"/>
  <cols>
    <col min="1" max="1" width="4.7109375" style="9" customWidth="1"/>
    <col min="2" max="2" width="4.42578125" style="9" customWidth="1"/>
    <col min="3" max="3" width="67.85546875" style="9" customWidth="1"/>
    <col min="4" max="9" width="23.42578125" style="9" customWidth="1"/>
    <col min="10" max="10" width="16.42578125" style="9" customWidth="1"/>
    <col min="11" max="16384" width="8.7109375" style="9"/>
  </cols>
  <sheetData>
    <row r="1" spans="2:10" ht="24">
      <c r="C1" s="8" t="s">
        <v>561</v>
      </c>
      <c r="J1" s="53" t="s">
        <v>945</v>
      </c>
    </row>
    <row r="2" spans="2:10" s="130" customFormat="1" ht="12.6" customHeight="1">
      <c r="C2" s="237" t="s">
        <v>750</v>
      </c>
      <c r="J2" s="269"/>
    </row>
    <row r="3" spans="2:10" s="130" customFormat="1"/>
    <row r="4" spans="2:10" s="269" customFormat="1" ht="27.95" customHeight="1">
      <c r="B4" s="235"/>
      <c r="C4" s="876" t="s">
        <v>563</v>
      </c>
      <c r="D4" s="876" t="s">
        <v>564</v>
      </c>
      <c r="E4" s="876"/>
      <c r="F4" s="876" t="s">
        <v>565</v>
      </c>
      <c r="G4" s="876"/>
      <c r="H4" s="876" t="s">
        <v>566</v>
      </c>
      <c r="I4" s="876"/>
    </row>
    <row r="5" spans="2:10" s="269" customFormat="1" ht="27.95" customHeight="1">
      <c r="B5" s="579"/>
      <c r="C5" s="876"/>
      <c r="D5" s="276" t="s">
        <v>514</v>
      </c>
      <c r="E5" s="276" t="s">
        <v>293</v>
      </c>
      <c r="F5" s="276" t="s">
        <v>514</v>
      </c>
      <c r="G5" s="276" t="s">
        <v>293</v>
      </c>
      <c r="H5" s="276" t="s">
        <v>567</v>
      </c>
      <c r="I5" s="276" t="s">
        <v>568</v>
      </c>
    </row>
    <row r="6" spans="2:10" s="269" customFormat="1" ht="20.100000000000001" customHeight="1" thickBot="1">
      <c r="B6" s="579"/>
      <c r="C6" s="876"/>
      <c r="D6" s="537" t="s">
        <v>4</v>
      </c>
      <c r="E6" s="537" t="s">
        <v>5</v>
      </c>
      <c r="F6" s="537" t="s">
        <v>6</v>
      </c>
      <c r="G6" s="537" t="s">
        <v>41</v>
      </c>
      <c r="H6" s="537" t="s">
        <v>42</v>
      </c>
      <c r="I6" s="537" t="s">
        <v>94</v>
      </c>
    </row>
    <row r="7" spans="2:10" s="318" customFormat="1" ht="20.100000000000001" customHeight="1">
      <c r="B7" s="241">
        <v>1</v>
      </c>
      <c r="C7" s="242" t="s">
        <v>589</v>
      </c>
      <c r="D7" s="553">
        <v>13386434.403309999</v>
      </c>
      <c r="E7" s="553">
        <v>30927.399559999998</v>
      </c>
      <c r="F7" s="553">
        <v>14017961.486327801</v>
      </c>
      <c r="G7" s="553">
        <v>0</v>
      </c>
      <c r="H7" s="553">
        <v>65035.938580135</v>
      </c>
      <c r="I7" s="582">
        <v>4.6394719120584531E-3</v>
      </c>
    </row>
    <row r="8" spans="2:10" s="318" customFormat="1" ht="20.100000000000001" customHeight="1">
      <c r="B8" s="245">
        <v>2</v>
      </c>
      <c r="C8" s="246" t="s">
        <v>1184</v>
      </c>
      <c r="D8" s="542">
        <v>323799.245219854</v>
      </c>
      <c r="E8" s="542">
        <v>286902.74681999901</v>
      </c>
      <c r="F8" s="542">
        <v>832149.82365190599</v>
      </c>
      <c r="G8" s="542">
        <v>4092.2238379999899</v>
      </c>
      <c r="H8" s="542">
        <v>15657.614321810401</v>
      </c>
      <c r="I8" s="583">
        <v>1.8723782628257999E-2</v>
      </c>
    </row>
    <row r="9" spans="2:10" s="318" customFormat="1" ht="20.100000000000001" customHeight="1">
      <c r="B9" s="245" t="s">
        <v>213</v>
      </c>
      <c r="C9" s="291" t="s">
        <v>1155</v>
      </c>
      <c r="D9" s="542">
        <v>16929.929800000002</v>
      </c>
      <c r="E9" s="542">
        <v>749.34615000000008</v>
      </c>
      <c r="F9" s="542">
        <v>19042.264930052002</v>
      </c>
      <c r="G9" s="542">
        <v>95.751054000000011</v>
      </c>
      <c r="H9" s="542">
        <v>3827.6031968104003</v>
      </c>
      <c r="I9" s="583">
        <v>0.19999999999999998</v>
      </c>
    </row>
    <row r="10" spans="2:10" s="318" customFormat="1" ht="20.100000000000001" customHeight="1">
      <c r="B10" s="245" t="s">
        <v>633</v>
      </c>
      <c r="C10" s="291" t="s">
        <v>1156</v>
      </c>
      <c r="D10" s="542">
        <v>306869.31541985401</v>
      </c>
      <c r="E10" s="542">
        <v>286153.40066999901</v>
      </c>
      <c r="F10" s="542">
        <v>813107.558721854</v>
      </c>
      <c r="G10" s="542">
        <v>3996.47278399999</v>
      </c>
      <c r="H10" s="542">
        <v>11830.011124999999</v>
      </c>
      <c r="I10" s="583">
        <v>1.4477974246679806E-2</v>
      </c>
    </row>
    <row r="11" spans="2:10" s="318" customFormat="1" ht="20.100000000000001" customHeight="1">
      <c r="B11" s="245">
        <v>3</v>
      </c>
      <c r="C11" s="246" t="s">
        <v>570</v>
      </c>
      <c r="D11" s="542">
        <v>85.781530450999995</v>
      </c>
      <c r="E11" s="542">
        <v>0</v>
      </c>
      <c r="F11" s="542">
        <v>337942.976528659</v>
      </c>
      <c r="G11" s="542">
        <v>141710.161793999</v>
      </c>
      <c r="H11" s="542">
        <v>0</v>
      </c>
      <c r="I11" s="583">
        <v>0</v>
      </c>
    </row>
    <row r="12" spans="2:10" s="318" customFormat="1" ht="20.100000000000001" customHeight="1">
      <c r="B12" s="245" t="s">
        <v>1144</v>
      </c>
      <c r="C12" s="291" t="s">
        <v>1157</v>
      </c>
      <c r="D12" s="542">
        <v>0</v>
      </c>
      <c r="E12" s="542">
        <v>0</v>
      </c>
      <c r="F12" s="542">
        <v>0</v>
      </c>
      <c r="G12" s="542">
        <v>0</v>
      </c>
      <c r="H12" s="542">
        <v>0</v>
      </c>
      <c r="I12" s="583" t="s">
        <v>808</v>
      </c>
    </row>
    <row r="13" spans="2:10" s="318" customFormat="1" ht="20.100000000000001" customHeight="1">
      <c r="B13" s="245">
        <v>4</v>
      </c>
      <c r="C13" s="246" t="s">
        <v>346</v>
      </c>
      <c r="D13" s="434">
        <v>157686.77688999998</v>
      </c>
      <c r="E13" s="434">
        <v>5635.5804800000005</v>
      </c>
      <c r="F13" s="434">
        <v>1120311.33117404</v>
      </c>
      <c r="G13" s="434">
        <v>1564.7235640000001</v>
      </c>
      <c r="H13" s="434">
        <v>44634.525335803992</v>
      </c>
      <c r="I13" s="569">
        <v>3.9785611919693063E-2</v>
      </c>
    </row>
    <row r="14" spans="2:10" s="318" customFormat="1" ht="20.100000000000001" customHeight="1">
      <c r="B14" s="245">
        <v>5</v>
      </c>
      <c r="C14" s="246" t="s">
        <v>340</v>
      </c>
      <c r="D14" s="542">
        <v>0</v>
      </c>
      <c r="E14" s="542">
        <v>0</v>
      </c>
      <c r="F14" s="542">
        <v>0</v>
      </c>
      <c r="G14" s="542">
        <v>0</v>
      </c>
      <c r="H14" s="542">
        <v>0</v>
      </c>
      <c r="I14" s="583" t="s">
        <v>808</v>
      </c>
    </row>
    <row r="15" spans="2:10" s="318" customFormat="1" ht="20.100000000000001" customHeight="1">
      <c r="B15" s="245">
        <v>6</v>
      </c>
      <c r="C15" s="246" t="s">
        <v>352</v>
      </c>
      <c r="D15" s="542">
        <v>221946.94925531998</v>
      </c>
      <c r="E15" s="542">
        <v>258595.1324</v>
      </c>
      <c r="F15" s="542">
        <v>207492.48577748897</v>
      </c>
      <c r="G15" s="542">
        <v>9627.4913800000013</v>
      </c>
      <c r="H15" s="542">
        <v>209258.37812661682</v>
      </c>
      <c r="I15" s="583">
        <v>0.96379145238593278</v>
      </c>
    </row>
    <row r="16" spans="2:10" s="318" customFormat="1" ht="20.100000000000001" customHeight="1">
      <c r="B16" s="245" t="s">
        <v>1149</v>
      </c>
      <c r="C16" s="291" t="s">
        <v>1158</v>
      </c>
      <c r="D16" s="542">
        <v>200567.61090531998</v>
      </c>
      <c r="E16" s="542">
        <v>258595.1324</v>
      </c>
      <c r="F16" s="542">
        <v>195745.98985748898</v>
      </c>
      <c r="G16" s="542">
        <v>9627.4913800000013</v>
      </c>
      <c r="H16" s="542">
        <v>201886.39187076857</v>
      </c>
      <c r="I16" s="583">
        <v>0.98302074179339627</v>
      </c>
    </row>
    <row r="17" spans="2:9" s="318" customFormat="1" ht="20.100000000000001" customHeight="1">
      <c r="B17" s="245">
        <v>7</v>
      </c>
      <c r="C17" s="246" t="s">
        <v>1132</v>
      </c>
      <c r="D17" s="542">
        <v>0</v>
      </c>
      <c r="E17" s="542">
        <v>0</v>
      </c>
      <c r="F17" s="542">
        <v>0</v>
      </c>
      <c r="G17" s="542">
        <v>0</v>
      </c>
      <c r="H17" s="542">
        <v>0</v>
      </c>
      <c r="I17" s="583" t="s">
        <v>808</v>
      </c>
    </row>
    <row r="18" spans="2:9" s="318" customFormat="1" ht="20.100000000000001" customHeight="1">
      <c r="B18" s="245" t="s">
        <v>1145</v>
      </c>
      <c r="C18" s="291" t="s">
        <v>1159</v>
      </c>
      <c r="D18" s="542">
        <v>0</v>
      </c>
      <c r="E18" s="542">
        <v>0</v>
      </c>
      <c r="F18" s="542">
        <v>0</v>
      </c>
      <c r="G18" s="542">
        <v>0</v>
      </c>
      <c r="H18" s="542">
        <v>0</v>
      </c>
      <c r="I18" s="583" t="s">
        <v>808</v>
      </c>
    </row>
    <row r="19" spans="2:9" s="318" customFormat="1" ht="20.100000000000001" customHeight="1">
      <c r="B19" s="245" t="s">
        <v>1146</v>
      </c>
      <c r="C19" s="291" t="s">
        <v>1160</v>
      </c>
      <c r="D19" s="542">
        <v>0</v>
      </c>
      <c r="E19" s="542">
        <v>0</v>
      </c>
      <c r="F19" s="542">
        <v>0</v>
      </c>
      <c r="G19" s="542">
        <v>0</v>
      </c>
      <c r="H19" s="542">
        <v>0</v>
      </c>
      <c r="I19" s="583" t="s">
        <v>808</v>
      </c>
    </row>
    <row r="20" spans="2:9" s="318" customFormat="1" ht="20.100000000000001" customHeight="1">
      <c r="B20" s="245">
        <v>8</v>
      </c>
      <c r="C20" s="246" t="s">
        <v>572</v>
      </c>
      <c r="D20" s="542">
        <v>370228.191597</v>
      </c>
      <c r="E20" s="542">
        <v>139879.65867999999</v>
      </c>
      <c r="F20" s="542">
        <v>362037.780130609</v>
      </c>
      <c r="G20" s="542">
        <v>3811.059640127</v>
      </c>
      <c r="H20" s="542">
        <v>215866.50282412072</v>
      </c>
      <c r="I20" s="583">
        <v>0.59004287934709954</v>
      </c>
    </row>
    <row r="21" spans="2:9" s="318" customFormat="1" ht="20.100000000000001" customHeight="1">
      <c r="B21" s="245">
        <v>9</v>
      </c>
      <c r="C21" s="246" t="s">
        <v>573</v>
      </c>
      <c r="D21" s="542">
        <v>1090848.2832431367</v>
      </c>
      <c r="E21" s="542">
        <v>635.34802999999988</v>
      </c>
      <c r="F21" s="542">
        <v>1083178.2820733991</v>
      </c>
      <c r="G21" s="542">
        <v>270.54046399999993</v>
      </c>
      <c r="H21" s="542">
        <v>326915.84594506759</v>
      </c>
      <c r="I21" s="583">
        <v>0.30173630645464372</v>
      </c>
    </row>
    <row r="22" spans="2:9" s="318" customFormat="1" ht="20.100000000000001" customHeight="1">
      <c r="B22" s="245" t="s">
        <v>1150</v>
      </c>
      <c r="C22" s="291" t="s">
        <v>1191</v>
      </c>
      <c r="D22" s="542">
        <v>865141.25989594695</v>
      </c>
      <c r="E22" s="542">
        <v>141.4341399999999</v>
      </c>
      <c r="F22" s="542">
        <v>860115.28313549096</v>
      </c>
      <c r="G22" s="542">
        <v>52.165747999999908</v>
      </c>
      <c r="H22" s="542">
        <v>215124.46659296102</v>
      </c>
      <c r="I22" s="583">
        <v>0.25009603289707777</v>
      </c>
    </row>
    <row r="23" spans="2:9" s="318" customFormat="1" ht="20.100000000000001" customHeight="1">
      <c r="B23" s="245" t="s">
        <v>1151</v>
      </c>
      <c r="C23" s="291" t="s">
        <v>1192</v>
      </c>
      <c r="D23" s="542">
        <v>1055.85382</v>
      </c>
      <c r="E23" s="542">
        <v>0</v>
      </c>
      <c r="F23" s="542">
        <v>1054.7418700000001</v>
      </c>
      <c r="G23" s="542">
        <v>0</v>
      </c>
      <c r="H23" s="542">
        <v>300.70527588240003</v>
      </c>
      <c r="I23" s="583">
        <v>0.28509845340869988</v>
      </c>
    </row>
    <row r="24" spans="2:9" s="318" customFormat="1" ht="20.100000000000001" customHeight="1">
      <c r="B24" s="245" t="s">
        <v>1152</v>
      </c>
      <c r="C24" s="291" t="s">
        <v>1193</v>
      </c>
      <c r="D24" s="542">
        <v>185712.56456718998</v>
      </c>
      <c r="E24" s="542">
        <v>493.91389000000004</v>
      </c>
      <c r="F24" s="542">
        <v>183119.819207908</v>
      </c>
      <c r="G24" s="542">
        <v>218.37471600000001</v>
      </c>
      <c r="H24" s="542">
        <v>88527.498002164153</v>
      </c>
      <c r="I24" s="583">
        <v>0.48286445997666083</v>
      </c>
    </row>
    <row r="25" spans="2:9" s="318" customFormat="1" ht="20.100000000000001" customHeight="1">
      <c r="B25" s="245" t="s">
        <v>1153</v>
      </c>
      <c r="C25" s="291" t="s">
        <v>1194</v>
      </c>
      <c r="D25" s="542">
        <v>38938.604960000004</v>
      </c>
      <c r="E25" s="542">
        <v>0</v>
      </c>
      <c r="F25" s="542">
        <v>38888.437859999998</v>
      </c>
      <c r="G25" s="542">
        <v>0</v>
      </c>
      <c r="H25" s="542">
        <v>22963.17607406</v>
      </c>
      <c r="I25" s="583">
        <v>0.5904885188941863</v>
      </c>
    </row>
    <row r="26" spans="2:9" s="318" customFormat="1" ht="20.100000000000001" customHeight="1">
      <c r="B26" s="245" t="s">
        <v>1154</v>
      </c>
      <c r="C26" s="291" t="s">
        <v>1195</v>
      </c>
      <c r="D26" s="542">
        <v>0</v>
      </c>
      <c r="E26" s="542">
        <v>0</v>
      </c>
      <c r="F26" s="542">
        <v>0</v>
      </c>
      <c r="G26" s="542">
        <v>0</v>
      </c>
      <c r="H26" s="542">
        <v>0</v>
      </c>
      <c r="I26" s="583" t="s">
        <v>808</v>
      </c>
    </row>
    <row r="27" spans="2:9" s="318" customFormat="1" ht="20.100000000000001" customHeight="1">
      <c r="B27" s="245">
        <v>10</v>
      </c>
      <c r="C27" s="246" t="s">
        <v>354</v>
      </c>
      <c r="D27" s="542">
        <v>158028.112475501</v>
      </c>
      <c r="E27" s="542">
        <v>61478.144850001001</v>
      </c>
      <c r="F27" s="542">
        <v>57971.6526140809</v>
      </c>
      <c r="G27" s="542">
        <v>7271.0142679999899</v>
      </c>
      <c r="H27" s="542">
        <v>71312.710930418994</v>
      </c>
      <c r="I27" s="583">
        <v>1.0930379510590678</v>
      </c>
    </row>
    <row r="28" spans="2:9" s="318" customFormat="1" ht="20.100000000000001" customHeight="1">
      <c r="B28" s="245" t="s">
        <v>1147</v>
      </c>
      <c r="C28" s="291" t="s">
        <v>1196</v>
      </c>
      <c r="D28" s="542">
        <v>0</v>
      </c>
      <c r="E28" s="542">
        <v>18689.987440000001</v>
      </c>
      <c r="F28" s="542">
        <v>0</v>
      </c>
      <c r="G28" s="542">
        <v>5220.8987999999999</v>
      </c>
      <c r="H28" s="542">
        <v>2631.7129829999999</v>
      </c>
      <c r="I28" s="583">
        <v>0.50407278206580064</v>
      </c>
    </row>
    <row r="29" spans="2:9" s="318" customFormat="1" ht="20.100000000000001" customHeight="1">
      <c r="B29" s="245" t="s">
        <v>1148</v>
      </c>
      <c r="C29" s="291" t="s">
        <v>1197</v>
      </c>
      <c r="D29" s="542">
        <v>11866.37912</v>
      </c>
      <c r="E29" s="542">
        <v>0</v>
      </c>
      <c r="F29" s="542">
        <v>11866.37912</v>
      </c>
      <c r="G29" s="542">
        <v>0</v>
      </c>
      <c r="H29" s="542">
        <v>17721.930929999999</v>
      </c>
      <c r="I29" s="583">
        <v>1.4934573344391848</v>
      </c>
    </row>
    <row r="30" spans="2:9" s="318" customFormat="1" ht="20.100000000000001" customHeight="1">
      <c r="B30" s="245" t="s">
        <v>1148</v>
      </c>
      <c r="C30" s="291" t="s">
        <v>1198</v>
      </c>
      <c r="D30" s="542">
        <v>1039194.42966999</v>
      </c>
      <c r="E30" s="542">
        <v>151070.35952</v>
      </c>
      <c r="F30" s="542">
        <v>998894.66605985793</v>
      </c>
      <c r="G30" s="542">
        <v>90779.61981187301</v>
      </c>
      <c r="H30" s="542">
        <v>747612.81178519898</v>
      </c>
      <c r="I30" s="583">
        <v>0.68608833068600361</v>
      </c>
    </row>
    <row r="31" spans="2:9" s="318" customFormat="1" ht="20.100000000000001" customHeight="1">
      <c r="B31" s="554">
        <v>11</v>
      </c>
      <c r="C31" s="860" t="s">
        <v>1190</v>
      </c>
      <c r="D31" s="558">
        <v>173014.32687000002</v>
      </c>
      <c r="E31" s="558">
        <v>0</v>
      </c>
      <c r="F31" s="558">
        <v>173014.32687000002</v>
      </c>
      <c r="G31" s="558">
        <v>0</v>
      </c>
      <c r="H31" s="558">
        <v>432336.20017500001</v>
      </c>
      <c r="I31" s="837">
        <v>2.4988462400564662</v>
      </c>
    </row>
    <row r="32" spans="2:9" s="269" customFormat="1" ht="20.100000000000001" customHeight="1" thickBot="1">
      <c r="B32" s="271">
        <v>11</v>
      </c>
      <c r="C32" s="581" t="s">
        <v>576</v>
      </c>
      <c r="D32" s="838">
        <v>16933132.879181251</v>
      </c>
      <c r="E32" s="838">
        <v>953814.35777999996</v>
      </c>
      <c r="F32" s="838">
        <v>19202821.190327842</v>
      </c>
      <c r="G32" s="838">
        <v>264347.73355999897</v>
      </c>
      <c r="H32" s="838">
        <v>2261107.823899819</v>
      </c>
      <c r="I32" s="839">
        <v>0.116149802405282</v>
      </c>
    </row>
  </sheetData>
  <mergeCells count="4">
    <mergeCell ref="C4:C6"/>
    <mergeCell ref="D4:E4"/>
    <mergeCell ref="F4:G4"/>
    <mergeCell ref="H4:I4"/>
  </mergeCells>
  <hyperlinks>
    <hyperlink ref="J1" location="Índice!A1" display="Voltar ao Índice" xr:uid="{00000000-0004-0000-1800-000000000000}"/>
  </hyperlinks>
  <pageMargins left="0.70866141732283472" right="0.70866141732283472" top="0.74803149606299213" bottom="0.74803149606299213" header="0.31496062992125984" footer="0.31496062992125984"/>
  <pageSetup paperSize="9" scale="55" fitToHeight="0" orientation="landscape" r:id="rId1"/>
  <headerFooter>
    <oddFooter>&amp;C1</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tabColor rgb="FFFF0000"/>
  </sheetPr>
  <dimension ref="B1:AE32"/>
  <sheetViews>
    <sheetView showGridLines="0" zoomScaleNormal="100" zoomScalePageLayoutView="70" workbookViewId="0"/>
  </sheetViews>
  <sheetFormatPr defaultColWidth="8.7109375" defaultRowHeight="18.75"/>
  <cols>
    <col min="1" max="1" width="4.7109375" style="9" customWidth="1"/>
    <col min="2" max="2" width="3.85546875" style="9" customWidth="1"/>
    <col min="3" max="3" width="64.5703125" style="9" customWidth="1"/>
    <col min="4" max="30" width="11.7109375" style="9" customWidth="1"/>
    <col min="31" max="31" width="13.140625" style="9" bestFit="1" customWidth="1"/>
    <col min="32" max="16384" width="8.7109375" style="9"/>
  </cols>
  <sheetData>
    <row r="1" spans="2:31" ht="24">
      <c r="C1" s="8" t="s">
        <v>562</v>
      </c>
      <c r="AE1" s="53" t="s">
        <v>945</v>
      </c>
    </row>
    <row r="2" spans="2:31">
      <c r="C2" s="513" t="s">
        <v>750</v>
      </c>
    </row>
    <row r="3" spans="2:31" s="269" customFormat="1">
      <c r="B3" s="130"/>
    </row>
    <row r="4" spans="2:31" s="269" customFormat="1" ht="20.100000000000001" customHeight="1">
      <c r="B4" s="235"/>
      <c r="C4" s="876" t="s">
        <v>563</v>
      </c>
      <c r="D4" s="888" t="s">
        <v>577</v>
      </c>
      <c r="E4" s="888"/>
      <c r="F4" s="888"/>
      <c r="G4" s="888"/>
      <c r="H4" s="888"/>
      <c r="I4" s="888"/>
      <c r="J4" s="888"/>
      <c r="K4" s="888"/>
      <c r="L4" s="888"/>
      <c r="M4" s="888"/>
      <c r="N4" s="888"/>
      <c r="O4" s="888"/>
      <c r="P4" s="888"/>
      <c r="Q4" s="888"/>
      <c r="R4" s="888"/>
      <c r="S4" s="888"/>
      <c r="T4" s="888"/>
      <c r="U4" s="888"/>
      <c r="V4" s="888"/>
      <c r="W4" s="888"/>
      <c r="X4" s="888"/>
      <c r="Y4" s="888"/>
      <c r="Z4" s="888"/>
      <c r="AA4" s="888"/>
      <c r="AB4" s="888"/>
      <c r="AC4" s="898" t="s">
        <v>40</v>
      </c>
      <c r="AD4" s="578"/>
    </row>
    <row r="5" spans="2:31" s="269" customFormat="1" ht="20.100000000000001" customHeight="1">
      <c r="B5" s="579"/>
      <c r="C5" s="876"/>
      <c r="D5" s="578">
        <v>0</v>
      </c>
      <c r="E5" s="578">
        <v>0.02</v>
      </c>
      <c r="F5" s="578">
        <v>0.04</v>
      </c>
      <c r="G5" s="578">
        <v>0.1</v>
      </c>
      <c r="H5" s="578">
        <v>0.2</v>
      </c>
      <c r="I5" s="578">
        <v>0.3</v>
      </c>
      <c r="J5" s="578">
        <v>0.35</v>
      </c>
      <c r="K5" s="578">
        <v>0.4</v>
      </c>
      <c r="L5" s="578">
        <v>0.45</v>
      </c>
      <c r="M5" s="578">
        <v>0.5</v>
      </c>
      <c r="N5" s="578">
        <v>0.6</v>
      </c>
      <c r="O5" s="578">
        <v>0.7</v>
      </c>
      <c r="P5" s="578">
        <v>0.75</v>
      </c>
      <c r="Q5" s="578">
        <v>0.8</v>
      </c>
      <c r="R5" s="578">
        <v>0.9</v>
      </c>
      <c r="S5" s="578">
        <v>1</v>
      </c>
      <c r="T5" s="578">
        <v>1.05</v>
      </c>
      <c r="U5" s="578">
        <v>1.1000000000000001</v>
      </c>
      <c r="V5" s="578">
        <v>1.3</v>
      </c>
      <c r="W5" s="578">
        <v>1.5</v>
      </c>
      <c r="X5" s="578">
        <v>2.5</v>
      </c>
      <c r="Y5" s="578">
        <v>3.7</v>
      </c>
      <c r="Z5" s="578">
        <v>4</v>
      </c>
      <c r="AA5" s="578">
        <v>12.5</v>
      </c>
      <c r="AB5" s="578" t="s">
        <v>578</v>
      </c>
      <c r="AC5" s="899"/>
      <c r="AD5" s="578"/>
    </row>
    <row r="6" spans="2:31" s="269" customFormat="1" ht="20.100000000000001" customHeight="1" thickBot="1">
      <c r="B6" s="579"/>
      <c r="C6" s="876"/>
      <c r="D6" s="317" t="s">
        <v>4</v>
      </c>
      <c r="E6" s="317" t="s">
        <v>5</v>
      </c>
      <c r="F6" s="317" t="s">
        <v>6</v>
      </c>
      <c r="G6" s="317" t="s">
        <v>41</v>
      </c>
      <c r="H6" s="317" t="s">
        <v>42</v>
      </c>
      <c r="I6" s="317" t="s">
        <v>94</v>
      </c>
      <c r="J6" s="317" t="s">
        <v>95</v>
      </c>
      <c r="K6" s="317" t="s">
        <v>96</v>
      </c>
      <c r="L6" s="317" t="s">
        <v>218</v>
      </c>
      <c r="M6" s="317" t="s">
        <v>219</v>
      </c>
      <c r="N6" s="317" t="s">
        <v>220</v>
      </c>
      <c r="O6" s="317" t="s">
        <v>221</v>
      </c>
      <c r="P6" s="317" t="s">
        <v>222</v>
      </c>
      <c r="Q6" s="317" t="s">
        <v>442</v>
      </c>
      <c r="R6" s="317" t="s">
        <v>443</v>
      </c>
      <c r="S6" s="317" t="s">
        <v>579</v>
      </c>
      <c r="T6" s="317" t="s">
        <v>580</v>
      </c>
      <c r="U6" s="317" t="s">
        <v>1140</v>
      </c>
      <c r="V6" s="317" t="s">
        <v>1139</v>
      </c>
      <c r="W6" s="317" t="s">
        <v>1138</v>
      </c>
      <c r="X6" s="317" t="s">
        <v>1137</v>
      </c>
      <c r="Y6" s="317" t="s">
        <v>1136</v>
      </c>
      <c r="Z6" s="317" t="s">
        <v>1135</v>
      </c>
      <c r="AA6" s="317" t="s">
        <v>1133</v>
      </c>
      <c r="AB6" s="317" t="s">
        <v>1134</v>
      </c>
      <c r="AC6" s="317" t="s">
        <v>579</v>
      </c>
      <c r="AD6" s="317"/>
    </row>
    <row r="7" spans="2:31" s="318" customFormat="1" ht="20.100000000000001" customHeight="1">
      <c r="B7" s="241">
        <v>1</v>
      </c>
      <c r="C7" s="242" t="s">
        <v>589</v>
      </c>
      <c r="D7" s="442">
        <v>13989606.2435477</v>
      </c>
      <c r="E7" s="442">
        <v>0</v>
      </c>
      <c r="F7" s="442">
        <v>0</v>
      </c>
      <c r="G7" s="442">
        <v>0</v>
      </c>
      <c r="H7" s="442">
        <v>0</v>
      </c>
      <c r="I7" s="442">
        <v>0</v>
      </c>
      <c r="J7" s="442">
        <v>0</v>
      </c>
      <c r="K7" s="442">
        <v>0</v>
      </c>
      <c r="L7" s="442">
        <v>0</v>
      </c>
      <c r="M7" s="442">
        <v>0</v>
      </c>
      <c r="N7" s="442">
        <v>0</v>
      </c>
      <c r="O7" s="442">
        <v>0</v>
      </c>
      <c r="P7" s="442">
        <v>0</v>
      </c>
      <c r="Q7" s="442">
        <v>0</v>
      </c>
      <c r="R7" s="442">
        <v>0</v>
      </c>
      <c r="S7" s="442">
        <v>3901.445580135</v>
      </c>
      <c r="T7" s="442">
        <v>0</v>
      </c>
      <c r="U7" s="442">
        <v>0</v>
      </c>
      <c r="V7" s="442">
        <v>0</v>
      </c>
      <c r="W7" s="442">
        <v>0</v>
      </c>
      <c r="X7" s="442">
        <v>24453.797200000001</v>
      </c>
      <c r="Y7" s="442">
        <v>0</v>
      </c>
      <c r="Z7" s="442">
        <v>0</v>
      </c>
      <c r="AA7" s="442">
        <v>0</v>
      </c>
      <c r="AB7" s="442">
        <v>0</v>
      </c>
      <c r="AC7" s="442">
        <v>14017961.486327834</v>
      </c>
      <c r="AD7" s="580"/>
    </row>
    <row r="8" spans="2:31" s="318" customFormat="1" ht="20.100000000000001" customHeight="1">
      <c r="B8" s="245">
        <v>2</v>
      </c>
      <c r="C8" s="246" t="s">
        <v>1184</v>
      </c>
      <c r="D8" s="434">
        <v>793434.74846585409</v>
      </c>
      <c r="E8" s="434">
        <v>0</v>
      </c>
      <c r="F8" s="434">
        <v>0</v>
      </c>
      <c r="G8" s="434">
        <v>0</v>
      </c>
      <c r="H8" s="434">
        <v>19153.450634051998</v>
      </c>
      <c r="I8" s="434">
        <v>0</v>
      </c>
      <c r="J8" s="434">
        <v>0</v>
      </c>
      <c r="K8" s="434">
        <v>0</v>
      </c>
      <c r="L8" s="434">
        <v>0</v>
      </c>
      <c r="M8" s="434">
        <v>23653.848389999999</v>
      </c>
      <c r="N8" s="434">
        <v>0</v>
      </c>
      <c r="O8" s="434">
        <v>0</v>
      </c>
      <c r="P8" s="434">
        <v>0</v>
      </c>
      <c r="Q8" s="434">
        <v>0</v>
      </c>
      <c r="R8" s="434">
        <v>0</v>
      </c>
      <c r="S8" s="434">
        <v>0</v>
      </c>
      <c r="T8" s="434">
        <v>0</v>
      </c>
      <c r="U8" s="434">
        <v>0</v>
      </c>
      <c r="V8" s="434">
        <v>0</v>
      </c>
      <c r="W8" s="434">
        <v>0</v>
      </c>
      <c r="X8" s="434">
        <v>0</v>
      </c>
      <c r="Y8" s="434">
        <v>0</v>
      </c>
      <c r="Z8" s="434">
        <v>0</v>
      </c>
      <c r="AA8" s="434">
        <v>0</v>
      </c>
      <c r="AB8" s="434">
        <v>0</v>
      </c>
      <c r="AC8" s="434">
        <v>836242.0474899062</v>
      </c>
      <c r="AD8" s="580"/>
    </row>
    <row r="9" spans="2:31" s="318" customFormat="1" ht="20.100000000000001" customHeight="1">
      <c r="B9" s="245"/>
      <c r="C9" s="291" t="s">
        <v>1155</v>
      </c>
      <c r="D9" s="434">
        <v>0</v>
      </c>
      <c r="E9" s="434">
        <v>0</v>
      </c>
      <c r="F9" s="434">
        <v>0</v>
      </c>
      <c r="G9" s="434">
        <v>0</v>
      </c>
      <c r="H9" s="434">
        <v>19138.015984051999</v>
      </c>
      <c r="I9" s="434">
        <v>0</v>
      </c>
      <c r="J9" s="434">
        <v>0</v>
      </c>
      <c r="K9" s="434">
        <v>0</v>
      </c>
      <c r="L9" s="434">
        <v>0</v>
      </c>
      <c r="M9" s="434">
        <v>0</v>
      </c>
      <c r="N9" s="434">
        <v>0</v>
      </c>
      <c r="O9" s="434">
        <v>0</v>
      </c>
      <c r="P9" s="434">
        <v>0</v>
      </c>
      <c r="Q9" s="434">
        <v>0</v>
      </c>
      <c r="R9" s="434">
        <v>0</v>
      </c>
      <c r="S9" s="434">
        <v>0</v>
      </c>
      <c r="T9" s="434">
        <v>0</v>
      </c>
      <c r="U9" s="434">
        <v>0</v>
      </c>
      <c r="V9" s="434">
        <v>0</v>
      </c>
      <c r="W9" s="434">
        <v>0</v>
      </c>
      <c r="X9" s="434">
        <v>0</v>
      </c>
      <c r="Y9" s="434">
        <v>0</v>
      </c>
      <c r="Z9" s="434">
        <v>0</v>
      </c>
      <c r="AA9" s="434">
        <v>0</v>
      </c>
      <c r="AB9" s="434">
        <v>0</v>
      </c>
      <c r="AC9" s="434">
        <v>19138.015984051999</v>
      </c>
      <c r="AD9" s="580"/>
    </row>
    <row r="10" spans="2:31" s="318" customFormat="1" ht="20.100000000000001" customHeight="1">
      <c r="B10" s="245"/>
      <c r="C10" s="291" t="s">
        <v>1156</v>
      </c>
      <c r="D10" s="434">
        <v>793434.74846585409</v>
      </c>
      <c r="E10" s="434">
        <v>0</v>
      </c>
      <c r="F10" s="434">
        <v>0</v>
      </c>
      <c r="G10" s="434">
        <v>0</v>
      </c>
      <c r="H10" s="434">
        <v>15.43465</v>
      </c>
      <c r="I10" s="434">
        <v>0</v>
      </c>
      <c r="J10" s="434">
        <v>0</v>
      </c>
      <c r="K10" s="434">
        <v>0</v>
      </c>
      <c r="L10" s="434">
        <v>0</v>
      </c>
      <c r="M10" s="434">
        <v>23653.848389999999</v>
      </c>
      <c r="N10" s="434">
        <v>0</v>
      </c>
      <c r="O10" s="434">
        <v>0</v>
      </c>
      <c r="P10" s="434">
        <v>0</v>
      </c>
      <c r="Q10" s="434">
        <v>0</v>
      </c>
      <c r="R10" s="434">
        <v>0</v>
      </c>
      <c r="S10" s="434">
        <v>0</v>
      </c>
      <c r="T10" s="434">
        <v>0</v>
      </c>
      <c r="U10" s="434">
        <v>0</v>
      </c>
      <c r="V10" s="434">
        <v>0</v>
      </c>
      <c r="W10" s="434">
        <v>0</v>
      </c>
      <c r="X10" s="434">
        <v>0</v>
      </c>
      <c r="Y10" s="434">
        <v>0</v>
      </c>
      <c r="Z10" s="434">
        <v>0</v>
      </c>
      <c r="AA10" s="434">
        <v>0</v>
      </c>
      <c r="AB10" s="434">
        <v>0</v>
      </c>
      <c r="AC10" s="434">
        <v>817104.0315058541</v>
      </c>
      <c r="AD10" s="580"/>
    </row>
    <row r="11" spans="2:31" s="318" customFormat="1" ht="20.100000000000001" customHeight="1">
      <c r="B11" s="245">
        <v>3</v>
      </c>
      <c r="C11" s="246" t="s">
        <v>570</v>
      </c>
      <c r="D11" s="434">
        <v>479653.13832265901</v>
      </c>
      <c r="E11" s="434">
        <v>0</v>
      </c>
      <c r="F11" s="434">
        <v>0</v>
      </c>
      <c r="G11" s="434">
        <v>0</v>
      </c>
      <c r="H11" s="434">
        <v>0</v>
      </c>
      <c r="I11" s="434">
        <v>0</v>
      </c>
      <c r="J11" s="434">
        <v>0</v>
      </c>
      <c r="K11" s="434">
        <v>0</v>
      </c>
      <c r="L11" s="434">
        <v>0</v>
      </c>
      <c r="M11" s="434">
        <v>0</v>
      </c>
      <c r="N11" s="434">
        <v>0</v>
      </c>
      <c r="O11" s="434">
        <v>0</v>
      </c>
      <c r="P11" s="434">
        <v>0</v>
      </c>
      <c r="Q11" s="434">
        <v>0</v>
      </c>
      <c r="R11" s="434">
        <v>0</v>
      </c>
      <c r="S11" s="434">
        <v>0</v>
      </c>
      <c r="T11" s="434">
        <v>0</v>
      </c>
      <c r="U11" s="434">
        <v>0</v>
      </c>
      <c r="V11" s="434">
        <v>0</v>
      </c>
      <c r="W11" s="434">
        <v>0</v>
      </c>
      <c r="X11" s="434">
        <v>0</v>
      </c>
      <c r="Y11" s="434">
        <v>0</v>
      </c>
      <c r="Z11" s="434">
        <v>0</v>
      </c>
      <c r="AA11" s="434">
        <v>0</v>
      </c>
      <c r="AB11" s="434">
        <v>0</v>
      </c>
      <c r="AC11" s="434">
        <v>479653.13832265901</v>
      </c>
      <c r="AD11" s="580"/>
    </row>
    <row r="12" spans="2:31" s="318" customFormat="1" ht="20.100000000000001" customHeight="1">
      <c r="B12" s="245"/>
      <c r="C12" s="291" t="s">
        <v>1157</v>
      </c>
      <c r="D12" s="434">
        <v>0</v>
      </c>
      <c r="E12" s="434">
        <v>0</v>
      </c>
      <c r="F12" s="434">
        <v>0</v>
      </c>
      <c r="G12" s="434">
        <v>0</v>
      </c>
      <c r="H12" s="434">
        <v>0</v>
      </c>
      <c r="I12" s="434">
        <v>0</v>
      </c>
      <c r="J12" s="434">
        <v>0</v>
      </c>
      <c r="K12" s="434">
        <v>0</v>
      </c>
      <c r="L12" s="434">
        <v>0</v>
      </c>
      <c r="M12" s="434">
        <v>0</v>
      </c>
      <c r="N12" s="434">
        <v>0</v>
      </c>
      <c r="O12" s="434">
        <v>0</v>
      </c>
      <c r="P12" s="434">
        <v>0</v>
      </c>
      <c r="Q12" s="434">
        <v>0</v>
      </c>
      <c r="R12" s="434">
        <v>0</v>
      </c>
      <c r="S12" s="434">
        <v>0</v>
      </c>
      <c r="T12" s="434">
        <v>0</v>
      </c>
      <c r="U12" s="434">
        <v>0</v>
      </c>
      <c r="V12" s="434">
        <v>0</v>
      </c>
      <c r="W12" s="434">
        <v>0</v>
      </c>
      <c r="X12" s="434">
        <v>0</v>
      </c>
      <c r="Y12" s="434">
        <v>0</v>
      </c>
      <c r="Z12" s="434">
        <v>0</v>
      </c>
      <c r="AA12" s="434">
        <v>0</v>
      </c>
      <c r="AB12" s="434">
        <v>0</v>
      </c>
      <c r="AC12" s="434">
        <v>0</v>
      </c>
      <c r="AD12" s="580"/>
    </row>
    <row r="13" spans="2:31" s="318" customFormat="1" ht="20.100000000000001" customHeight="1">
      <c r="B13" s="245">
        <v>4</v>
      </c>
      <c r="C13" s="246" t="s">
        <v>346</v>
      </c>
      <c r="D13" s="434">
        <v>0</v>
      </c>
      <c r="E13" s="434">
        <v>1020223.11320404</v>
      </c>
      <c r="F13" s="434">
        <v>0</v>
      </c>
      <c r="G13" s="434">
        <v>0</v>
      </c>
      <c r="H13" s="434">
        <v>88747.161341999992</v>
      </c>
      <c r="I13" s="434">
        <v>242.60999999999876</v>
      </c>
      <c r="J13" s="434">
        <v>0</v>
      </c>
      <c r="K13" s="434">
        <v>816.75790799999902</v>
      </c>
      <c r="L13" s="434">
        <v>0</v>
      </c>
      <c r="M13" s="434">
        <v>9898.5939199999993</v>
      </c>
      <c r="N13" s="434">
        <v>0</v>
      </c>
      <c r="O13" s="434">
        <v>0</v>
      </c>
      <c r="P13" s="434">
        <v>0</v>
      </c>
      <c r="Q13" s="434">
        <v>0</v>
      </c>
      <c r="R13" s="434">
        <v>0</v>
      </c>
      <c r="S13" s="434">
        <v>0</v>
      </c>
      <c r="T13" s="434">
        <v>0</v>
      </c>
      <c r="U13" s="434">
        <v>0</v>
      </c>
      <c r="V13" s="434">
        <v>0</v>
      </c>
      <c r="W13" s="434">
        <v>1947.818364</v>
      </c>
      <c r="X13" s="434">
        <v>0</v>
      </c>
      <c r="Y13" s="434">
        <v>0</v>
      </c>
      <c r="Z13" s="434">
        <v>0</v>
      </c>
      <c r="AA13" s="434">
        <v>0</v>
      </c>
      <c r="AB13" s="434">
        <v>0</v>
      </c>
      <c r="AC13" s="434">
        <v>1121876.0547380398</v>
      </c>
      <c r="AD13" s="580"/>
    </row>
    <row r="14" spans="2:31" s="318" customFormat="1" ht="20.100000000000001" customHeight="1">
      <c r="B14" s="245">
        <v>5</v>
      </c>
      <c r="C14" s="246" t="s">
        <v>340</v>
      </c>
      <c r="D14" s="434">
        <v>0</v>
      </c>
      <c r="E14" s="434">
        <v>0</v>
      </c>
      <c r="F14" s="434">
        <v>0</v>
      </c>
      <c r="G14" s="434">
        <v>0</v>
      </c>
      <c r="H14" s="434">
        <v>0</v>
      </c>
      <c r="I14" s="434">
        <v>0</v>
      </c>
      <c r="J14" s="434">
        <v>0</v>
      </c>
      <c r="K14" s="434">
        <v>0</v>
      </c>
      <c r="L14" s="434">
        <v>0</v>
      </c>
      <c r="M14" s="434">
        <v>0</v>
      </c>
      <c r="N14" s="434">
        <v>0</v>
      </c>
      <c r="O14" s="434">
        <v>0</v>
      </c>
      <c r="P14" s="434">
        <v>0</v>
      </c>
      <c r="Q14" s="434">
        <v>0</v>
      </c>
      <c r="R14" s="434">
        <v>0</v>
      </c>
      <c r="S14" s="434">
        <v>0</v>
      </c>
      <c r="T14" s="434">
        <v>0</v>
      </c>
      <c r="U14" s="434">
        <v>0</v>
      </c>
      <c r="V14" s="434">
        <v>0</v>
      </c>
      <c r="W14" s="434">
        <v>0</v>
      </c>
      <c r="X14" s="434">
        <v>0</v>
      </c>
      <c r="Y14" s="434">
        <v>0</v>
      </c>
      <c r="Z14" s="434">
        <v>0</v>
      </c>
      <c r="AA14" s="434">
        <v>0</v>
      </c>
      <c r="AB14" s="434">
        <v>0</v>
      </c>
      <c r="AC14" s="434">
        <v>0</v>
      </c>
      <c r="AD14" s="580"/>
    </row>
    <row r="15" spans="2:31" s="318" customFormat="1" ht="20.100000000000001" customHeight="1">
      <c r="B15" s="245">
        <v>6</v>
      </c>
      <c r="C15" s="246" t="s">
        <v>352</v>
      </c>
      <c r="D15" s="434">
        <v>0</v>
      </c>
      <c r="E15" s="434">
        <v>0</v>
      </c>
      <c r="F15" s="434">
        <v>0</v>
      </c>
      <c r="G15" s="434">
        <v>0</v>
      </c>
      <c r="H15" s="434">
        <v>0</v>
      </c>
      <c r="I15" s="434">
        <v>0</v>
      </c>
      <c r="J15" s="434">
        <v>0</v>
      </c>
      <c r="K15" s="434">
        <v>0</v>
      </c>
      <c r="L15" s="434">
        <v>0</v>
      </c>
      <c r="M15" s="434">
        <v>1129.822776</v>
      </c>
      <c r="N15" s="434">
        <v>0</v>
      </c>
      <c r="O15" s="434">
        <v>0</v>
      </c>
      <c r="P15" s="434">
        <v>119.89634</v>
      </c>
      <c r="Q15" s="434">
        <v>0</v>
      </c>
      <c r="R15" s="434">
        <v>0</v>
      </c>
      <c r="S15" s="434">
        <v>215870.25804148897</v>
      </c>
      <c r="T15" s="434">
        <v>0</v>
      </c>
      <c r="U15" s="434">
        <v>0</v>
      </c>
      <c r="V15" s="434">
        <v>0</v>
      </c>
      <c r="W15" s="434">
        <v>0</v>
      </c>
      <c r="X15" s="434">
        <v>0</v>
      </c>
      <c r="Y15" s="434">
        <v>0</v>
      </c>
      <c r="Z15" s="434">
        <v>0</v>
      </c>
      <c r="AA15" s="434">
        <v>0</v>
      </c>
      <c r="AB15" s="434">
        <v>0</v>
      </c>
      <c r="AC15" s="434">
        <v>217119.97715748896</v>
      </c>
      <c r="AD15" s="580"/>
    </row>
    <row r="16" spans="2:31" s="318" customFormat="1" ht="20.100000000000001" customHeight="1">
      <c r="B16" s="245"/>
      <c r="C16" s="291" t="s">
        <v>1158</v>
      </c>
      <c r="D16" s="434">
        <v>0</v>
      </c>
      <c r="E16" s="434">
        <v>0</v>
      </c>
      <c r="F16" s="434">
        <v>0</v>
      </c>
      <c r="G16" s="434">
        <v>0</v>
      </c>
      <c r="H16" s="434">
        <v>0</v>
      </c>
      <c r="I16" s="434">
        <v>0</v>
      </c>
      <c r="J16" s="434">
        <v>0</v>
      </c>
      <c r="K16" s="434">
        <v>0</v>
      </c>
      <c r="L16" s="434">
        <v>0</v>
      </c>
      <c r="M16" s="434">
        <v>1129.822776</v>
      </c>
      <c r="N16" s="434">
        <v>0</v>
      </c>
      <c r="O16" s="434">
        <v>0</v>
      </c>
      <c r="P16" s="434">
        <v>119.89634</v>
      </c>
      <c r="Q16" s="434">
        <v>0</v>
      </c>
      <c r="R16" s="434">
        <v>0</v>
      </c>
      <c r="S16" s="434">
        <v>204123.76212148898</v>
      </c>
      <c r="T16" s="434">
        <v>0</v>
      </c>
      <c r="U16" s="434">
        <v>0</v>
      </c>
      <c r="V16" s="434">
        <v>0</v>
      </c>
      <c r="W16" s="434">
        <v>0</v>
      </c>
      <c r="X16" s="434">
        <v>0</v>
      </c>
      <c r="Y16" s="434">
        <v>0</v>
      </c>
      <c r="Z16" s="434">
        <v>0</v>
      </c>
      <c r="AA16" s="434">
        <v>0</v>
      </c>
      <c r="AB16" s="434">
        <v>0</v>
      </c>
      <c r="AC16" s="434">
        <v>205373.48123748897</v>
      </c>
      <c r="AD16" s="580"/>
    </row>
    <row r="17" spans="2:30" s="318" customFormat="1" ht="20.100000000000001" customHeight="1">
      <c r="B17" s="245">
        <v>7</v>
      </c>
      <c r="C17" s="246" t="s">
        <v>1132</v>
      </c>
      <c r="D17" s="434">
        <v>0</v>
      </c>
      <c r="E17" s="434">
        <v>0</v>
      </c>
      <c r="F17" s="434">
        <v>0</v>
      </c>
      <c r="G17" s="434">
        <v>0</v>
      </c>
      <c r="H17" s="434">
        <v>0</v>
      </c>
      <c r="I17" s="434">
        <v>0</v>
      </c>
      <c r="J17" s="434">
        <v>0</v>
      </c>
      <c r="K17" s="434">
        <v>0</v>
      </c>
      <c r="L17" s="434">
        <v>0</v>
      </c>
      <c r="M17" s="434">
        <v>0</v>
      </c>
      <c r="N17" s="434">
        <v>0</v>
      </c>
      <c r="O17" s="434">
        <v>0</v>
      </c>
      <c r="P17" s="434">
        <v>0</v>
      </c>
      <c r="Q17" s="434">
        <v>0</v>
      </c>
      <c r="R17" s="434">
        <v>0</v>
      </c>
      <c r="S17" s="434">
        <v>0</v>
      </c>
      <c r="T17" s="434">
        <v>0</v>
      </c>
      <c r="U17" s="434">
        <v>0</v>
      </c>
      <c r="V17" s="434">
        <v>0</v>
      </c>
      <c r="W17" s="434">
        <v>0</v>
      </c>
      <c r="X17" s="434">
        <v>0</v>
      </c>
      <c r="Y17" s="434">
        <v>0</v>
      </c>
      <c r="Z17" s="434">
        <v>0</v>
      </c>
      <c r="AA17" s="434">
        <v>0</v>
      </c>
      <c r="AB17" s="434">
        <v>0</v>
      </c>
      <c r="AC17" s="434">
        <v>0</v>
      </c>
      <c r="AD17" s="580"/>
    </row>
    <row r="18" spans="2:30" s="318" customFormat="1" ht="20.100000000000001" customHeight="1">
      <c r="B18" s="245"/>
      <c r="C18" s="291" t="s">
        <v>1159</v>
      </c>
      <c r="D18" s="434">
        <v>0</v>
      </c>
      <c r="E18" s="434">
        <v>0</v>
      </c>
      <c r="F18" s="434">
        <v>0</v>
      </c>
      <c r="G18" s="434">
        <v>0</v>
      </c>
      <c r="H18" s="434">
        <v>0</v>
      </c>
      <c r="I18" s="434">
        <v>0</v>
      </c>
      <c r="J18" s="434">
        <v>0</v>
      </c>
      <c r="K18" s="434">
        <v>0</v>
      </c>
      <c r="L18" s="434">
        <v>0</v>
      </c>
      <c r="M18" s="434">
        <v>0</v>
      </c>
      <c r="N18" s="434">
        <v>0</v>
      </c>
      <c r="O18" s="434">
        <v>0</v>
      </c>
      <c r="P18" s="434">
        <v>0</v>
      </c>
      <c r="Q18" s="434">
        <v>0</v>
      </c>
      <c r="R18" s="434">
        <v>0</v>
      </c>
      <c r="S18" s="434">
        <v>0</v>
      </c>
      <c r="T18" s="434">
        <v>0</v>
      </c>
      <c r="U18" s="434">
        <v>0</v>
      </c>
      <c r="V18" s="434">
        <v>0</v>
      </c>
      <c r="W18" s="434">
        <v>0</v>
      </c>
      <c r="X18" s="434">
        <v>0</v>
      </c>
      <c r="Y18" s="434">
        <v>0</v>
      </c>
      <c r="Z18" s="434">
        <v>0</v>
      </c>
      <c r="AA18" s="434">
        <v>0</v>
      </c>
      <c r="AB18" s="434">
        <v>0</v>
      </c>
      <c r="AC18" s="434">
        <v>0</v>
      </c>
      <c r="AD18" s="580"/>
    </row>
    <row r="19" spans="2:30" s="318" customFormat="1" ht="20.100000000000001" customHeight="1">
      <c r="B19" s="245"/>
      <c r="C19" s="291" t="s">
        <v>1160</v>
      </c>
      <c r="D19" s="434">
        <v>0</v>
      </c>
      <c r="E19" s="434">
        <v>0</v>
      </c>
      <c r="F19" s="434">
        <v>0</v>
      </c>
      <c r="G19" s="434">
        <v>0</v>
      </c>
      <c r="H19" s="434">
        <v>0</v>
      </c>
      <c r="I19" s="434">
        <v>0</v>
      </c>
      <c r="J19" s="434">
        <v>0</v>
      </c>
      <c r="K19" s="434">
        <v>0</v>
      </c>
      <c r="L19" s="434">
        <v>0</v>
      </c>
      <c r="M19" s="434">
        <v>0</v>
      </c>
      <c r="N19" s="434">
        <v>0</v>
      </c>
      <c r="O19" s="434">
        <v>0</v>
      </c>
      <c r="P19" s="434">
        <v>0</v>
      </c>
      <c r="Q19" s="434">
        <v>0</v>
      </c>
      <c r="R19" s="434">
        <v>0</v>
      </c>
      <c r="S19" s="434">
        <v>0</v>
      </c>
      <c r="T19" s="434">
        <v>0</v>
      </c>
      <c r="U19" s="434">
        <v>0</v>
      </c>
      <c r="V19" s="434">
        <v>0</v>
      </c>
      <c r="W19" s="434">
        <v>0</v>
      </c>
      <c r="X19" s="434">
        <v>0</v>
      </c>
      <c r="Y19" s="434">
        <v>0</v>
      </c>
      <c r="Z19" s="434">
        <v>0</v>
      </c>
      <c r="AA19" s="434">
        <v>0</v>
      </c>
      <c r="AB19" s="434">
        <v>0</v>
      </c>
      <c r="AC19" s="434">
        <v>0</v>
      </c>
      <c r="AD19" s="580"/>
    </row>
    <row r="20" spans="2:30" s="318" customFormat="1" ht="20.100000000000001" customHeight="1">
      <c r="B20" s="245">
        <v>8</v>
      </c>
      <c r="C20" s="246" t="s">
        <v>572</v>
      </c>
      <c r="D20" s="434">
        <v>0</v>
      </c>
      <c r="E20" s="434">
        <v>0</v>
      </c>
      <c r="F20" s="434">
        <v>0</v>
      </c>
      <c r="G20" s="434">
        <v>0</v>
      </c>
      <c r="H20" s="434">
        <v>0</v>
      </c>
      <c r="I20" s="434">
        <v>0</v>
      </c>
      <c r="J20" s="434">
        <v>0</v>
      </c>
      <c r="K20" s="434">
        <v>0</v>
      </c>
      <c r="L20" s="434">
        <v>2.0000000000000002E-5</v>
      </c>
      <c r="M20" s="434">
        <v>0</v>
      </c>
      <c r="N20" s="434">
        <v>0</v>
      </c>
      <c r="O20" s="434">
        <v>0</v>
      </c>
      <c r="P20" s="434">
        <v>365225.02216123597</v>
      </c>
      <c r="Q20" s="434">
        <v>0</v>
      </c>
      <c r="R20" s="434">
        <v>0</v>
      </c>
      <c r="S20" s="434">
        <v>623.80814949999899</v>
      </c>
      <c r="T20" s="434">
        <v>0</v>
      </c>
      <c r="U20" s="434">
        <v>0</v>
      </c>
      <c r="V20" s="434">
        <v>0</v>
      </c>
      <c r="W20" s="434">
        <v>0</v>
      </c>
      <c r="X20" s="434">
        <v>0</v>
      </c>
      <c r="Y20" s="434">
        <v>0</v>
      </c>
      <c r="Z20" s="434">
        <v>0</v>
      </c>
      <c r="AA20" s="434">
        <v>0</v>
      </c>
      <c r="AB20" s="434">
        <v>9.4399999999999987E-3</v>
      </c>
      <c r="AC20" s="434">
        <v>365848.83977073594</v>
      </c>
      <c r="AD20" s="580"/>
    </row>
    <row r="21" spans="2:30" s="318" customFormat="1" ht="20.100000000000001" customHeight="1">
      <c r="B21" s="245">
        <v>9</v>
      </c>
      <c r="C21" s="246" t="s">
        <v>573</v>
      </c>
      <c r="D21" s="434">
        <v>0</v>
      </c>
      <c r="E21" s="434">
        <v>0</v>
      </c>
      <c r="F21" s="434">
        <v>0</v>
      </c>
      <c r="G21" s="434">
        <v>0</v>
      </c>
      <c r="H21" s="434">
        <v>774423.95060999307</v>
      </c>
      <c r="I21" s="434">
        <v>877.57</v>
      </c>
      <c r="J21" s="434">
        <v>145.19751000000002</v>
      </c>
      <c r="K21" s="434">
        <v>0</v>
      </c>
      <c r="L21" s="434">
        <v>0</v>
      </c>
      <c r="M21" s="434">
        <v>10.73887</v>
      </c>
      <c r="N21" s="434">
        <v>170288.06097411399</v>
      </c>
      <c r="O21" s="434">
        <v>38888.437859999998</v>
      </c>
      <c r="P21" s="434">
        <v>95191.040983291896</v>
      </c>
      <c r="Q21" s="434">
        <v>0</v>
      </c>
      <c r="R21" s="434">
        <v>0</v>
      </c>
      <c r="S21" s="434">
        <v>3591.8513700000003</v>
      </c>
      <c r="T21" s="434">
        <v>0</v>
      </c>
      <c r="U21" s="434">
        <v>0</v>
      </c>
      <c r="V21" s="434">
        <v>0</v>
      </c>
      <c r="W21" s="434">
        <v>31.974360000000001</v>
      </c>
      <c r="X21" s="434">
        <v>0</v>
      </c>
      <c r="Y21" s="434">
        <v>0</v>
      </c>
      <c r="Z21" s="434">
        <v>0</v>
      </c>
      <c r="AA21" s="434">
        <v>0</v>
      </c>
      <c r="AB21" s="434">
        <v>0</v>
      </c>
      <c r="AC21" s="434">
        <v>1083448.8225373989</v>
      </c>
      <c r="AD21" s="580"/>
    </row>
    <row r="22" spans="2:30" s="318" customFormat="1" ht="20.100000000000001" customHeight="1">
      <c r="B22" s="245"/>
      <c r="C22" s="291" t="s">
        <v>1191</v>
      </c>
      <c r="D22" s="434">
        <v>0</v>
      </c>
      <c r="E22" s="434">
        <v>0</v>
      </c>
      <c r="F22" s="434">
        <v>0</v>
      </c>
      <c r="G22" s="434">
        <v>0</v>
      </c>
      <c r="H22" s="434">
        <v>774266.15008999303</v>
      </c>
      <c r="I22" s="434">
        <v>0</v>
      </c>
      <c r="J22" s="434">
        <v>0</v>
      </c>
      <c r="K22" s="434">
        <v>0</v>
      </c>
      <c r="L22" s="434">
        <v>0</v>
      </c>
      <c r="M22" s="434">
        <v>0</v>
      </c>
      <c r="N22" s="434">
        <v>0</v>
      </c>
      <c r="O22" s="434">
        <v>0</v>
      </c>
      <c r="P22" s="434">
        <v>83837.978593497901</v>
      </c>
      <c r="Q22" s="434">
        <v>0</v>
      </c>
      <c r="R22" s="434">
        <v>0</v>
      </c>
      <c r="S22" s="434">
        <v>2063.3202000000001</v>
      </c>
      <c r="T22" s="434">
        <v>0</v>
      </c>
      <c r="U22" s="434">
        <v>0</v>
      </c>
      <c r="V22" s="434">
        <v>0</v>
      </c>
      <c r="W22" s="434">
        <v>0</v>
      </c>
      <c r="X22" s="434">
        <v>0</v>
      </c>
      <c r="Y22" s="434">
        <v>0</v>
      </c>
      <c r="Z22" s="434">
        <v>0</v>
      </c>
      <c r="AA22" s="434">
        <v>0</v>
      </c>
      <c r="AB22" s="434">
        <v>0</v>
      </c>
      <c r="AC22" s="434">
        <v>860167.44888349087</v>
      </c>
      <c r="AD22" s="580"/>
    </row>
    <row r="23" spans="2:30" s="318" customFormat="1" ht="20.100000000000001" customHeight="1">
      <c r="B23" s="245"/>
      <c r="C23" s="291" t="s">
        <v>1192</v>
      </c>
      <c r="D23" s="434">
        <v>0</v>
      </c>
      <c r="E23" s="434">
        <v>0</v>
      </c>
      <c r="F23" s="434">
        <v>0</v>
      </c>
      <c r="G23" s="434">
        <v>0</v>
      </c>
      <c r="H23" s="434">
        <v>0</v>
      </c>
      <c r="I23" s="434">
        <v>877.57</v>
      </c>
      <c r="J23" s="434">
        <v>145.19751000000002</v>
      </c>
      <c r="K23" s="434">
        <v>0</v>
      </c>
      <c r="L23" s="434">
        <v>0</v>
      </c>
      <c r="M23" s="434">
        <v>0</v>
      </c>
      <c r="N23" s="434">
        <v>0</v>
      </c>
      <c r="O23" s="434">
        <v>0</v>
      </c>
      <c r="P23" s="434">
        <v>0</v>
      </c>
      <c r="Q23" s="434">
        <v>0</v>
      </c>
      <c r="R23" s="434">
        <v>0</v>
      </c>
      <c r="S23" s="434">
        <v>0</v>
      </c>
      <c r="T23" s="434">
        <v>0</v>
      </c>
      <c r="U23" s="434">
        <v>0</v>
      </c>
      <c r="V23" s="434">
        <v>0</v>
      </c>
      <c r="W23" s="434">
        <v>31.974360000000001</v>
      </c>
      <c r="X23" s="434">
        <v>0</v>
      </c>
      <c r="Y23" s="434">
        <v>0</v>
      </c>
      <c r="Z23" s="434">
        <v>0</v>
      </c>
      <c r="AA23" s="434">
        <v>0</v>
      </c>
      <c r="AB23" s="434">
        <v>0</v>
      </c>
      <c r="AC23" s="434">
        <v>1054.7418700000001</v>
      </c>
      <c r="AD23" s="580"/>
    </row>
    <row r="24" spans="2:30" s="318" customFormat="1" ht="20.100000000000001" customHeight="1">
      <c r="B24" s="245"/>
      <c r="C24" s="291" t="s">
        <v>1193</v>
      </c>
      <c r="D24" s="434">
        <v>0</v>
      </c>
      <c r="E24" s="434">
        <v>0</v>
      </c>
      <c r="F24" s="434">
        <v>0</v>
      </c>
      <c r="G24" s="434">
        <v>0</v>
      </c>
      <c r="H24" s="434">
        <v>157.80051999999998</v>
      </c>
      <c r="I24" s="434">
        <v>0</v>
      </c>
      <c r="J24" s="434">
        <v>0</v>
      </c>
      <c r="K24" s="434">
        <v>0</v>
      </c>
      <c r="L24" s="434">
        <v>0</v>
      </c>
      <c r="M24" s="434">
        <v>10.73887</v>
      </c>
      <c r="N24" s="434">
        <v>170288.06097411399</v>
      </c>
      <c r="O24" s="434">
        <v>0</v>
      </c>
      <c r="P24" s="434">
        <v>11353.062389794</v>
      </c>
      <c r="Q24" s="434">
        <v>0</v>
      </c>
      <c r="R24" s="434">
        <v>0</v>
      </c>
      <c r="S24" s="434">
        <v>1528.53117</v>
      </c>
      <c r="T24" s="434">
        <v>0</v>
      </c>
      <c r="U24" s="434">
        <v>0</v>
      </c>
      <c r="V24" s="434">
        <v>0</v>
      </c>
      <c r="W24" s="434">
        <v>0</v>
      </c>
      <c r="X24" s="434">
        <v>0</v>
      </c>
      <c r="Y24" s="434">
        <v>0</v>
      </c>
      <c r="Z24" s="434">
        <v>0</v>
      </c>
      <c r="AA24" s="434">
        <v>0</v>
      </c>
      <c r="AB24" s="434">
        <v>0</v>
      </c>
      <c r="AC24" s="434">
        <v>183338.19392390799</v>
      </c>
      <c r="AD24" s="580"/>
    </row>
    <row r="25" spans="2:30" s="318" customFormat="1" ht="20.100000000000001" customHeight="1">
      <c r="B25" s="245"/>
      <c r="C25" s="291" t="s">
        <v>1194</v>
      </c>
      <c r="D25" s="434">
        <v>0</v>
      </c>
      <c r="E25" s="434">
        <v>0</v>
      </c>
      <c r="F25" s="434">
        <v>0</v>
      </c>
      <c r="G25" s="434">
        <v>0</v>
      </c>
      <c r="H25" s="434">
        <v>0</v>
      </c>
      <c r="I25" s="434">
        <v>0</v>
      </c>
      <c r="J25" s="434">
        <v>0</v>
      </c>
      <c r="K25" s="434">
        <v>0</v>
      </c>
      <c r="L25" s="434">
        <v>0</v>
      </c>
      <c r="M25" s="434">
        <v>0</v>
      </c>
      <c r="N25" s="434">
        <v>0</v>
      </c>
      <c r="O25" s="434">
        <v>38888.437859999998</v>
      </c>
      <c r="P25" s="434">
        <v>0</v>
      </c>
      <c r="Q25" s="434">
        <v>0</v>
      </c>
      <c r="R25" s="434">
        <v>0</v>
      </c>
      <c r="S25" s="434">
        <v>0</v>
      </c>
      <c r="T25" s="434">
        <v>0</v>
      </c>
      <c r="U25" s="434">
        <v>0</v>
      </c>
      <c r="V25" s="434">
        <v>0</v>
      </c>
      <c r="W25" s="434">
        <v>0</v>
      </c>
      <c r="X25" s="434">
        <v>0</v>
      </c>
      <c r="Y25" s="434">
        <v>0</v>
      </c>
      <c r="Z25" s="434">
        <v>0</v>
      </c>
      <c r="AA25" s="434">
        <v>0</v>
      </c>
      <c r="AB25" s="434">
        <v>0</v>
      </c>
      <c r="AC25" s="434">
        <v>38888.437859999998</v>
      </c>
    </row>
    <row r="26" spans="2:30" s="318" customFormat="1" ht="20.100000000000001" customHeight="1">
      <c r="B26" s="245"/>
      <c r="C26" s="291" t="s">
        <v>1195</v>
      </c>
      <c r="D26" s="434">
        <v>0</v>
      </c>
      <c r="E26" s="434">
        <v>0</v>
      </c>
      <c r="F26" s="434">
        <v>0</v>
      </c>
      <c r="G26" s="434">
        <v>0</v>
      </c>
      <c r="H26" s="434">
        <v>0</v>
      </c>
      <c r="I26" s="434">
        <v>0</v>
      </c>
      <c r="J26" s="434">
        <v>0</v>
      </c>
      <c r="K26" s="434">
        <v>0</v>
      </c>
      <c r="L26" s="434">
        <v>0</v>
      </c>
      <c r="M26" s="434">
        <v>0</v>
      </c>
      <c r="N26" s="434">
        <v>0</v>
      </c>
      <c r="O26" s="434">
        <v>0</v>
      </c>
      <c r="P26" s="434">
        <v>0</v>
      </c>
      <c r="Q26" s="434">
        <v>0</v>
      </c>
      <c r="R26" s="434">
        <v>0</v>
      </c>
      <c r="S26" s="434">
        <v>0</v>
      </c>
      <c r="T26" s="434">
        <v>0</v>
      </c>
      <c r="U26" s="434">
        <v>0</v>
      </c>
      <c r="V26" s="434">
        <v>0</v>
      </c>
      <c r="W26" s="434">
        <v>0</v>
      </c>
      <c r="X26" s="434">
        <v>0</v>
      </c>
      <c r="Y26" s="434">
        <v>0</v>
      </c>
      <c r="Z26" s="434">
        <v>0</v>
      </c>
      <c r="AA26" s="434">
        <v>0</v>
      </c>
      <c r="AB26" s="434">
        <v>0</v>
      </c>
      <c r="AC26" s="434">
        <v>0</v>
      </c>
    </row>
    <row r="27" spans="2:30" s="318" customFormat="1" ht="20.100000000000001" customHeight="1">
      <c r="B27" s="245">
        <v>10</v>
      </c>
      <c r="C27" s="246" t="s">
        <v>354</v>
      </c>
      <c r="D27" s="434">
        <v>0</v>
      </c>
      <c r="E27" s="434">
        <v>0</v>
      </c>
      <c r="F27" s="434">
        <v>0</v>
      </c>
      <c r="G27" s="434">
        <v>0</v>
      </c>
      <c r="H27" s="434">
        <v>0</v>
      </c>
      <c r="I27" s="434">
        <v>0</v>
      </c>
      <c r="J27" s="434">
        <v>0</v>
      </c>
      <c r="K27" s="434">
        <v>0</v>
      </c>
      <c r="L27" s="434">
        <v>0</v>
      </c>
      <c r="M27" s="434">
        <v>0</v>
      </c>
      <c r="N27" s="434">
        <v>0</v>
      </c>
      <c r="O27" s="434">
        <v>0</v>
      </c>
      <c r="P27" s="434">
        <v>0</v>
      </c>
      <c r="Q27" s="434">
        <v>0</v>
      </c>
      <c r="R27" s="434">
        <v>0</v>
      </c>
      <c r="S27" s="434">
        <v>53102.578785404898</v>
      </c>
      <c r="T27" s="434">
        <v>0</v>
      </c>
      <c r="U27" s="434">
        <v>0</v>
      </c>
      <c r="V27" s="434">
        <v>0</v>
      </c>
      <c r="W27" s="434">
        <v>12140.088096676</v>
      </c>
      <c r="X27" s="434">
        <v>0</v>
      </c>
      <c r="Y27" s="434">
        <v>0</v>
      </c>
      <c r="Z27" s="434">
        <v>0</v>
      </c>
      <c r="AA27" s="434">
        <v>0</v>
      </c>
      <c r="AB27" s="434">
        <v>0</v>
      </c>
      <c r="AC27" s="434">
        <v>65242.666882080899</v>
      </c>
    </row>
    <row r="28" spans="2:30" s="318" customFormat="1" ht="20.100000000000001" customHeight="1">
      <c r="B28" s="245"/>
      <c r="C28" s="291" t="s">
        <v>1196</v>
      </c>
      <c r="D28" s="434">
        <v>0</v>
      </c>
      <c r="E28" s="434">
        <v>0</v>
      </c>
      <c r="F28" s="434">
        <v>0</v>
      </c>
      <c r="G28" s="434">
        <v>0</v>
      </c>
      <c r="H28" s="434">
        <v>0</v>
      </c>
      <c r="I28" s="434">
        <v>0</v>
      </c>
      <c r="J28" s="434">
        <v>0</v>
      </c>
      <c r="K28" s="434">
        <v>0</v>
      </c>
      <c r="L28" s="434">
        <v>0</v>
      </c>
      <c r="M28" s="434">
        <v>5178.3716339999992</v>
      </c>
      <c r="N28" s="434">
        <v>0</v>
      </c>
      <c r="O28" s="434">
        <v>0</v>
      </c>
      <c r="P28" s="434">
        <v>0</v>
      </c>
      <c r="Q28" s="434">
        <v>0</v>
      </c>
      <c r="R28" s="434">
        <v>0</v>
      </c>
      <c r="S28" s="434">
        <v>42.527165999999902</v>
      </c>
      <c r="T28" s="434">
        <v>0</v>
      </c>
      <c r="U28" s="434">
        <v>0</v>
      </c>
      <c r="V28" s="434">
        <v>0</v>
      </c>
      <c r="W28" s="434">
        <v>0</v>
      </c>
      <c r="X28" s="434">
        <v>0</v>
      </c>
      <c r="Y28" s="434">
        <v>0</v>
      </c>
      <c r="Z28" s="434">
        <v>0</v>
      </c>
      <c r="AA28" s="434">
        <v>0</v>
      </c>
      <c r="AB28" s="434">
        <v>0</v>
      </c>
      <c r="AC28" s="434">
        <v>5220.898799999999</v>
      </c>
    </row>
    <row r="29" spans="2:30" s="318" customFormat="1" ht="20.100000000000001" customHeight="1">
      <c r="B29" s="245"/>
      <c r="C29" s="291" t="s">
        <v>1197</v>
      </c>
      <c r="D29" s="434">
        <v>0</v>
      </c>
      <c r="E29" s="434">
        <v>0</v>
      </c>
      <c r="F29" s="434">
        <v>0</v>
      </c>
      <c r="G29" s="434">
        <v>0</v>
      </c>
      <c r="H29" s="434">
        <v>0</v>
      </c>
      <c r="I29" s="434">
        <v>0</v>
      </c>
      <c r="J29" s="434">
        <v>0</v>
      </c>
      <c r="K29" s="434">
        <v>0</v>
      </c>
      <c r="L29" s="434">
        <v>0</v>
      </c>
      <c r="M29" s="434">
        <v>0</v>
      </c>
      <c r="N29" s="434">
        <v>0</v>
      </c>
      <c r="O29" s="434">
        <v>0</v>
      </c>
      <c r="P29" s="434">
        <v>0</v>
      </c>
      <c r="Q29" s="434">
        <v>0</v>
      </c>
      <c r="R29" s="434">
        <v>0</v>
      </c>
      <c r="S29" s="434">
        <v>155.27549999999999</v>
      </c>
      <c r="T29" s="434">
        <v>0</v>
      </c>
      <c r="U29" s="434">
        <v>0</v>
      </c>
      <c r="V29" s="434">
        <v>0</v>
      </c>
      <c r="W29" s="434">
        <v>11711.10362</v>
      </c>
      <c r="X29" s="434">
        <v>0</v>
      </c>
      <c r="Y29" s="434">
        <v>0</v>
      </c>
      <c r="Z29" s="434">
        <v>0</v>
      </c>
      <c r="AA29" s="434">
        <v>0</v>
      </c>
      <c r="AB29" s="434">
        <v>0</v>
      </c>
      <c r="AC29" s="434">
        <v>11866.37912</v>
      </c>
    </row>
    <row r="30" spans="2:30" s="318" customFormat="1" ht="20.100000000000001" customHeight="1">
      <c r="B30" s="245"/>
      <c r="C30" s="291" t="s">
        <v>1198</v>
      </c>
      <c r="D30" s="840">
        <v>342061.32508973096</v>
      </c>
      <c r="E30" s="840">
        <v>0</v>
      </c>
      <c r="F30" s="840">
        <v>0</v>
      </c>
      <c r="G30" s="840">
        <v>0</v>
      </c>
      <c r="H30" s="840">
        <v>0.186245999999999</v>
      </c>
      <c r="I30" s="840">
        <v>0</v>
      </c>
      <c r="J30" s="840">
        <v>0</v>
      </c>
      <c r="K30" s="840">
        <v>0</v>
      </c>
      <c r="L30" s="840">
        <v>0</v>
      </c>
      <c r="M30" s="840">
        <v>0</v>
      </c>
      <c r="N30" s="840">
        <v>0</v>
      </c>
      <c r="O30" s="840">
        <v>0</v>
      </c>
      <c r="P30" s="840">
        <v>0</v>
      </c>
      <c r="Q30" s="840">
        <v>0</v>
      </c>
      <c r="R30" s="840">
        <v>0</v>
      </c>
      <c r="S30" s="840">
        <v>747612.77453599998</v>
      </c>
      <c r="T30" s="840">
        <v>0</v>
      </c>
      <c r="U30" s="840">
        <v>0</v>
      </c>
      <c r="V30" s="840">
        <v>0</v>
      </c>
      <c r="W30" s="840">
        <v>0</v>
      </c>
      <c r="X30" s="840">
        <v>0</v>
      </c>
      <c r="Y30" s="840">
        <v>0</v>
      </c>
      <c r="Z30" s="840">
        <v>0</v>
      </c>
      <c r="AA30" s="840">
        <v>0</v>
      </c>
      <c r="AB30" s="840">
        <v>0</v>
      </c>
      <c r="AC30" s="840">
        <v>1089674.2858717309</v>
      </c>
    </row>
    <row r="31" spans="2:30" s="318" customFormat="1" ht="20.100000000000001" customHeight="1">
      <c r="B31" s="554">
        <v>11</v>
      </c>
      <c r="C31" s="860" t="s">
        <v>1190</v>
      </c>
      <c r="D31" s="842">
        <v>0</v>
      </c>
      <c r="E31" s="841">
        <v>0</v>
      </c>
      <c r="F31" s="841">
        <v>0</v>
      </c>
      <c r="G31" s="841">
        <v>0</v>
      </c>
      <c r="H31" s="841">
        <v>0</v>
      </c>
      <c r="I31" s="841">
        <v>0</v>
      </c>
      <c r="J31" s="841">
        <v>0</v>
      </c>
      <c r="K31" s="841">
        <v>0</v>
      </c>
      <c r="L31" s="841">
        <v>0</v>
      </c>
      <c r="M31" s="841">
        <v>0</v>
      </c>
      <c r="N31" s="841">
        <v>0</v>
      </c>
      <c r="O31" s="841">
        <v>0</v>
      </c>
      <c r="P31" s="841">
        <v>0</v>
      </c>
      <c r="Q31" s="841">
        <v>0</v>
      </c>
      <c r="R31" s="841">
        <v>0</v>
      </c>
      <c r="S31" s="841">
        <v>133.078</v>
      </c>
      <c r="T31" s="841">
        <v>0</v>
      </c>
      <c r="U31" s="841">
        <v>0</v>
      </c>
      <c r="V31" s="841">
        <v>0</v>
      </c>
      <c r="W31" s="841">
        <v>0</v>
      </c>
      <c r="X31" s="841">
        <v>172881.24887000001</v>
      </c>
      <c r="Y31" s="841">
        <v>0</v>
      </c>
      <c r="Z31" s="841">
        <v>0</v>
      </c>
      <c r="AA31" s="841">
        <v>0</v>
      </c>
      <c r="AB31" s="841">
        <v>0</v>
      </c>
      <c r="AC31" s="841">
        <v>173014.32687000002</v>
      </c>
    </row>
    <row r="32" spans="2:30" s="269" customFormat="1" ht="20.100000000000001" customHeight="1" thickBot="1">
      <c r="B32" s="271">
        <v>11</v>
      </c>
      <c r="C32" s="581" t="s">
        <v>576</v>
      </c>
      <c r="D32" s="570">
        <v>15604755.455425944</v>
      </c>
      <c r="E32" s="570">
        <v>1020223.11320404</v>
      </c>
      <c r="F32" s="570">
        <v>0</v>
      </c>
      <c r="G32" s="570">
        <v>0</v>
      </c>
      <c r="H32" s="570">
        <v>882324.74883204512</v>
      </c>
      <c r="I32" s="570">
        <v>1120.1799999999989</v>
      </c>
      <c r="J32" s="570">
        <v>145.19751000000002</v>
      </c>
      <c r="K32" s="570">
        <v>816.75790799999902</v>
      </c>
      <c r="L32" s="570">
        <v>2.0000000000000002E-5</v>
      </c>
      <c r="M32" s="570">
        <v>39871.375589999996</v>
      </c>
      <c r="N32" s="570">
        <v>170288.06097411399</v>
      </c>
      <c r="O32" s="570">
        <v>38888.437859999998</v>
      </c>
      <c r="P32" s="570">
        <v>460535.95948452782</v>
      </c>
      <c r="Q32" s="570">
        <v>0</v>
      </c>
      <c r="R32" s="570">
        <v>0</v>
      </c>
      <c r="S32" s="570">
        <v>1025033.5971285289</v>
      </c>
      <c r="T32" s="570">
        <v>0</v>
      </c>
      <c r="U32" s="570">
        <v>0</v>
      </c>
      <c r="V32" s="570">
        <v>0</v>
      </c>
      <c r="W32" s="570">
        <v>25830.984440675998</v>
      </c>
      <c r="X32" s="570">
        <v>197335.04607000001</v>
      </c>
      <c r="Y32" s="570">
        <v>0</v>
      </c>
      <c r="Z32" s="570">
        <v>0</v>
      </c>
      <c r="AA32" s="570">
        <v>0</v>
      </c>
      <c r="AB32" s="570">
        <v>9.4399999999999987E-3</v>
      </c>
      <c r="AC32" s="570">
        <v>19467168.923887879</v>
      </c>
    </row>
  </sheetData>
  <mergeCells count="3">
    <mergeCell ref="C4:C6"/>
    <mergeCell ref="D4:AB4"/>
    <mergeCell ref="AC4:AC5"/>
  </mergeCells>
  <hyperlinks>
    <hyperlink ref="AE1" location="Índice!A1" display="Voltar ao Índice" xr:uid="{00000000-0004-0000-1900-000000000000}"/>
  </hyperlinks>
  <pageMargins left="0.70866141732283472" right="0.70866141732283472" top="0.74803149606299213" bottom="0.74803149606299213" header="0.31496062992125984" footer="0.31496062992125984"/>
  <pageSetup paperSize="9" scale="31" orientation="landscape" r:id="rId1"/>
  <headerFooter>
    <oddFooter>&amp;C1</oddFoot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tabColor rgb="FFFF0000"/>
    <pageSetUpPr autoPageBreaks="0"/>
  </sheetPr>
  <dimension ref="B1:G29"/>
  <sheetViews>
    <sheetView showGridLines="0" zoomScaleNormal="100" zoomScaleSheetLayoutView="100" zoomScalePageLayoutView="70" workbookViewId="0"/>
  </sheetViews>
  <sheetFormatPr defaultColWidth="9.140625" defaultRowHeight="18.75"/>
  <cols>
    <col min="1" max="1" width="4.7109375" style="9" customWidth="1"/>
    <col min="2" max="2" width="7" style="9" customWidth="1"/>
    <col min="3" max="3" width="67.7109375" style="9" customWidth="1"/>
    <col min="4" max="4" width="29.42578125" style="9" customWidth="1"/>
    <col min="5" max="5" width="28.28515625" style="9" customWidth="1"/>
    <col min="6" max="6" width="9.140625" style="9"/>
    <col min="7" max="7" width="14" style="9" bestFit="1" customWidth="1"/>
    <col min="8" max="16384" width="9.140625" style="9"/>
  </cols>
  <sheetData>
    <row r="1" spans="2:7" ht="25.5">
      <c r="B1" s="8" t="s">
        <v>581</v>
      </c>
      <c r="C1" s="534"/>
      <c r="D1" s="534"/>
      <c r="E1" s="534"/>
      <c r="F1" s="571"/>
      <c r="G1" s="53" t="s">
        <v>945</v>
      </c>
    </row>
    <row r="2" spans="2:7" s="130" customFormat="1">
      <c r="B2" s="237" t="s">
        <v>750</v>
      </c>
      <c r="C2" s="572"/>
      <c r="D2" s="573"/>
      <c r="E2" s="573"/>
    </row>
    <row r="3" spans="2:7" s="269" customFormat="1" ht="51.75" customHeight="1">
      <c r="B3" s="275"/>
      <c r="C3" s="275"/>
      <c r="D3" s="270" t="s">
        <v>587</v>
      </c>
      <c r="E3" s="270" t="s">
        <v>588</v>
      </c>
    </row>
    <row r="4" spans="2:7" s="269" customFormat="1" ht="20.100000000000001" customHeight="1" thickBot="1">
      <c r="B4" s="900"/>
      <c r="C4" s="900"/>
      <c r="D4" s="235" t="s">
        <v>4</v>
      </c>
      <c r="E4" s="235" t="s">
        <v>5</v>
      </c>
    </row>
    <row r="5" spans="2:7" s="269" customFormat="1" ht="20.100000000000001" customHeight="1">
      <c r="B5" s="278">
        <v>1</v>
      </c>
      <c r="C5" s="279" t="s">
        <v>1169</v>
      </c>
      <c r="D5" s="553">
        <v>0</v>
      </c>
      <c r="E5" s="553">
        <v>0</v>
      </c>
    </row>
    <row r="6" spans="2:7" s="269" customFormat="1" ht="20.100000000000001" customHeight="1">
      <c r="B6" s="364" t="s">
        <v>1161</v>
      </c>
      <c r="C6" s="556" t="s">
        <v>1170</v>
      </c>
      <c r="D6" s="542">
        <v>0</v>
      </c>
      <c r="E6" s="542">
        <v>0</v>
      </c>
    </row>
    <row r="7" spans="2:7" s="269" customFormat="1" ht="20.100000000000001" customHeight="1">
      <c r="B7" s="364" t="s">
        <v>1162</v>
      </c>
      <c r="C7" s="556" t="s">
        <v>1171</v>
      </c>
      <c r="D7" s="542">
        <v>124471.26381392901</v>
      </c>
      <c r="E7" s="542">
        <v>124471.26381392901</v>
      </c>
    </row>
    <row r="8" spans="2:7" s="269" customFormat="1" ht="20.100000000000001" customHeight="1">
      <c r="B8" s="364">
        <v>2</v>
      </c>
      <c r="C8" s="375" t="s">
        <v>1172</v>
      </c>
      <c r="D8" s="542">
        <v>0</v>
      </c>
      <c r="E8" s="542">
        <v>0</v>
      </c>
    </row>
    <row r="9" spans="2:7" s="269" customFormat="1" ht="20.100000000000001" customHeight="1">
      <c r="B9" s="364" t="s">
        <v>213</v>
      </c>
      <c r="C9" s="556" t="s">
        <v>1173</v>
      </c>
      <c r="D9" s="542">
        <v>121952.001395374</v>
      </c>
      <c r="E9" s="542">
        <v>121952.001395374</v>
      </c>
    </row>
    <row r="10" spans="2:7" s="269" customFormat="1" ht="20.100000000000001" customHeight="1">
      <c r="B10" s="364" t="s">
        <v>633</v>
      </c>
      <c r="C10" s="556" t="s">
        <v>1174</v>
      </c>
      <c r="D10" s="542">
        <v>8071.5983587768496</v>
      </c>
      <c r="E10" s="542">
        <v>8071.5983587768496</v>
      </c>
    </row>
    <row r="11" spans="2:7" s="269" customFormat="1" ht="20.100000000000001" customHeight="1">
      <c r="B11" s="364">
        <v>3</v>
      </c>
      <c r="C11" s="375" t="s">
        <v>1175</v>
      </c>
      <c r="D11" s="542">
        <v>112948.8975355704</v>
      </c>
      <c r="E11" s="542">
        <v>112948.8975355704</v>
      </c>
    </row>
    <row r="12" spans="2:7" s="269" customFormat="1" ht="20.100000000000001" customHeight="1">
      <c r="B12" s="364">
        <v>5</v>
      </c>
      <c r="C12" s="375" t="s">
        <v>1176</v>
      </c>
      <c r="D12" s="542">
        <v>2393298.1049482883</v>
      </c>
      <c r="E12" s="542">
        <v>1959713.9844359923</v>
      </c>
    </row>
    <row r="13" spans="2:7" s="269" customFormat="1" ht="20.100000000000001" customHeight="1">
      <c r="B13" s="364" t="s">
        <v>1164</v>
      </c>
      <c r="C13" s="556" t="s">
        <v>1177</v>
      </c>
      <c r="D13" s="542">
        <v>248523.190291971</v>
      </c>
      <c r="E13" s="542">
        <v>152022.24063214002</v>
      </c>
    </row>
    <row r="14" spans="2:7" s="269" customFormat="1" ht="20.100000000000001" customHeight="1">
      <c r="B14" s="364" t="s">
        <v>1168</v>
      </c>
      <c r="C14" s="556" t="s">
        <v>1178</v>
      </c>
      <c r="D14" s="542">
        <v>486542.15949857648</v>
      </c>
      <c r="E14" s="542">
        <v>479340.69675953151</v>
      </c>
    </row>
    <row r="15" spans="2:7" s="269" customFormat="1" ht="20.100000000000001" customHeight="1">
      <c r="B15" s="364" t="s">
        <v>1165</v>
      </c>
      <c r="C15" s="568" t="s">
        <v>1180</v>
      </c>
      <c r="D15" s="542">
        <v>1658232.7551577408</v>
      </c>
      <c r="E15" s="542">
        <v>1328351.0470443207</v>
      </c>
    </row>
    <row r="16" spans="2:7" s="269" customFormat="1" ht="20.100000000000001" customHeight="1">
      <c r="B16" s="364">
        <v>6</v>
      </c>
      <c r="C16" s="375" t="s">
        <v>1179</v>
      </c>
      <c r="D16" s="542">
        <v>3184891.3567570918</v>
      </c>
      <c r="E16" s="542">
        <v>2591547.603990043</v>
      </c>
    </row>
    <row r="17" spans="2:7" s="269" customFormat="1" ht="20.100000000000001" customHeight="1">
      <c r="B17" s="364" t="s">
        <v>1166</v>
      </c>
      <c r="C17" s="556" t="s">
        <v>1177</v>
      </c>
      <c r="D17" s="542">
        <v>97741.458789658296</v>
      </c>
      <c r="E17" s="542">
        <v>84638.603477180091</v>
      </c>
    </row>
    <row r="18" spans="2:7" s="269" customFormat="1" ht="20.100000000000001" customHeight="1">
      <c r="B18" s="364" t="s">
        <v>1167</v>
      </c>
      <c r="C18" s="556" t="s">
        <v>1178</v>
      </c>
      <c r="D18" s="542">
        <v>0</v>
      </c>
      <c r="E18" s="542">
        <v>0</v>
      </c>
    </row>
    <row r="19" spans="2:7" s="269" customFormat="1" ht="20.100000000000001" customHeight="1">
      <c r="B19" s="364" t="s">
        <v>1163</v>
      </c>
      <c r="C19" s="568" t="s">
        <v>1180</v>
      </c>
      <c r="D19" s="542">
        <v>3087149.8979674336</v>
      </c>
      <c r="E19" s="542">
        <v>2506909.000512863</v>
      </c>
    </row>
    <row r="20" spans="2:7" s="269" customFormat="1" ht="20.100000000000001" customHeight="1">
      <c r="B20" s="364">
        <v>8</v>
      </c>
      <c r="C20" s="375" t="s">
        <v>572</v>
      </c>
      <c r="D20" s="542">
        <v>10476217.971804813</v>
      </c>
      <c r="E20" s="542">
        <v>4590521.713173884</v>
      </c>
    </row>
    <row r="21" spans="2:7" s="269" customFormat="1" ht="20.100000000000001" customHeight="1">
      <c r="B21" s="364">
        <v>9</v>
      </c>
      <c r="C21" s="246" t="s">
        <v>1199</v>
      </c>
      <c r="D21" s="542">
        <v>248846.94856359198</v>
      </c>
      <c r="E21" s="542">
        <v>248846.94856359198</v>
      </c>
    </row>
    <row r="22" spans="2:7" s="520" customFormat="1" ht="20.100000000000001" customHeight="1">
      <c r="B22" s="364">
        <v>10</v>
      </c>
      <c r="C22" s="246" t="s">
        <v>1200</v>
      </c>
      <c r="D22" s="542">
        <v>8937338.7326921988</v>
      </c>
      <c r="E22" s="542">
        <v>3089891.2469322002</v>
      </c>
      <c r="G22" s="269"/>
    </row>
    <row r="23" spans="2:7">
      <c r="B23" s="364" t="s">
        <v>1147</v>
      </c>
      <c r="C23" s="568" t="s">
        <v>1201</v>
      </c>
      <c r="D23" s="542">
        <v>2900.7952885144</v>
      </c>
      <c r="E23" s="542">
        <v>2900.7952885144</v>
      </c>
      <c r="G23" s="269"/>
    </row>
    <row r="24" spans="2:7">
      <c r="B24" s="364" t="s">
        <v>1148</v>
      </c>
      <c r="C24" s="568" t="s">
        <v>1202</v>
      </c>
      <c r="D24" s="542">
        <v>1287131.4952605073</v>
      </c>
      <c r="E24" s="542">
        <v>1248882.7223895772</v>
      </c>
      <c r="G24" s="269"/>
    </row>
    <row r="25" spans="2:7" s="574" customFormat="1">
      <c r="B25" s="559">
        <v>17</v>
      </c>
      <c r="C25" s="560" t="s">
        <v>1141</v>
      </c>
      <c r="D25" s="561">
        <v>2630718.2662977879</v>
      </c>
      <c r="E25" s="561">
        <v>2197134.1457854919</v>
      </c>
      <c r="G25" s="520"/>
    </row>
    <row r="26" spans="2:7" s="574" customFormat="1">
      <c r="B26" s="559">
        <v>18</v>
      </c>
      <c r="C26" s="560" t="s">
        <v>1142</v>
      </c>
      <c r="D26" s="561">
        <v>13791132.928316055</v>
      </c>
      <c r="E26" s="561">
        <v>7312092.9169180784</v>
      </c>
      <c r="G26" s="520"/>
    </row>
    <row r="27" spans="2:7" s="574" customFormat="1" ht="19.5" thickBot="1">
      <c r="B27" s="575">
        <v>19</v>
      </c>
      <c r="C27" s="576" t="s">
        <v>1143</v>
      </c>
      <c r="D27" s="577">
        <v>16421851.194613842</v>
      </c>
      <c r="E27" s="577">
        <v>9509227.0627035685</v>
      </c>
      <c r="G27" s="520"/>
    </row>
    <row r="28" spans="2:7">
      <c r="G28" s="269"/>
    </row>
    <row r="29" spans="2:7">
      <c r="G29" s="269"/>
    </row>
  </sheetData>
  <mergeCells count="1">
    <mergeCell ref="B4:C4"/>
  </mergeCells>
  <hyperlinks>
    <hyperlink ref="G1" location="Índice!A1" display="Voltar ao Índice" xr:uid="{00000000-0004-0000-1A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tabColor rgb="FFFF0000"/>
  </sheetPr>
  <dimension ref="B1:S38"/>
  <sheetViews>
    <sheetView showGridLines="0" zoomScaleNormal="100" zoomScalePageLayoutView="70" workbookViewId="0">
      <selection activeCell="C4" sqref="C4"/>
    </sheetView>
  </sheetViews>
  <sheetFormatPr defaultColWidth="9.140625" defaultRowHeight="18.75"/>
  <cols>
    <col min="1" max="1" width="4.7109375" style="9" customWidth="1"/>
    <col min="2" max="2" width="5.42578125" style="95" customWidth="1"/>
    <col min="3" max="3" width="38.42578125" style="9" customWidth="1"/>
    <col min="4" max="4" width="12.7109375" style="9" customWidth="1"/>
    <col min="5" max="10" width="15.5703125" style="9" customWidth="1"/>
    <col min="11" max="15" width="15.7109375" style="9" customWidth="1"/>
    <col min="16" max="17" width="15.28515625" style="9" customWidth="1"/>
    <col min="18" max="18" width="7.28515625" style="9" customWidth="1"/>
    <col min="19" max="19" width="15.85546875" style="9" customWidth="1"/>
    <col min="20" max="21" width="9.140625" style="9"/>
    <col min="22" max="22" width="13.140625" style="9" bestFit="1" customWidth="1"/>
    <col min="23" max="16384" width="9.140625" style="9"/>
  </cols>
  <sheetData>
    <row r="1" spans="2:19" ht="24">
      <c r="B1" s="94" t="s">
        <v>582</v>
      </c>
      <c r="I1" s="130"/>
      <c r="S1" s="53" t="s">
        <v>945</v>
      </c>
    </row>
    <row r="2" spans="2:19" s="130" customFormat="1">
      <c r="B2" s="262" t="s">
        <v>750</v>
      </c>
    </row>
    <row r="3" spans="2:19" s="130" customFormat="1">
      <c r="B3" s="274"/>
    </row>
    <row r="4" spans="2:19" s="130" customFormat="1">
      <c r="B4" s="274"/>
      <c r="C4" s="549"/>
    </row>
    <row r="5" spans="2:19" s="520" customFormat="1" ht="32.25" customHeight="1">
      <c r="B5" s="901" t="s">
        <v>584</v>
      </c>
      <c r="C5" s="901"/>
      <c r="D5" s="902" t="s">
        <v>590</v>
      </c>
      <c r="E5" s="902" t="s">
        <v>591</v>
      </c>
      <c r="F5" s="902"/>
      <c r="G5" s="902"/>
      <c r="H5" s="902"/>
      <c r="I5" s="902"/>
      <c r="J5" s="902"/>
      <c r="K5" s="902"/>
      <c r="L5" s="902"/>
      <c r="M5" s="902"/>
      <c r="N5" s="902"/>
      <c r="O5" s="902"/>
      <c r="P5" s="902" t="s">
        <v>592</v>
      </c>
      <c r="Q5" s="902"/>
      <c r="R5" s="130"/>
    </row>
    <row r="6" spans="2:19" s="520" customFormat="1" ht="44.65" customHeight="1">
      <c r="B6" s="901"/>
      <c r="C6" s="901"/>
      <c r="D6" s="902"/>
      <c r="E6" s="903" t="s">
        <v>593</v>
      </c>
      <c r="F6" s="903"/>
      <c r="G6" s="903"/>
      <c r="H6" s="903"/>
      <c r="I6" s="903"/>
      <c r="J6" s="903"/>
      <c r="K6" s="903"/>
      <c r="L6" s="903"/>
      <c r="M6" s="903"/>
      <c r="N6" s="903" t="s">
        <v>730</v>
      </c>
      <c r="O6" s="903"/>
      <c r="P6" s="904" t="s">
        <v>767</v>
      </c>
      <c r="Q6" s="904" t="s">
        <v>768</v>
      </c>
      <c r="R6" s="467"/>
      <c r="S6" s="237"/>
    </row>
    <row r="7" spans="2:19" s="520" customFormat="1" ht="16.5">
      <c r="B7" s="901"/>
      <c r="C7" s="901"/>
      <c r="D7" s="902"/>
      <c r="E7" s="904" t="s">
        <v>769</v>
      </c>
      <c r="F7" s="904" t="s">
        <v>770</v>
      </c>
      <c r="G7" s="550"/>
      <c r="H7" s="550"/>
      <c r="I7" s="550"/>
      <c r="J7" s="904" t="s">
        <v>771</v>
      </c>
      <c r="K7" s="550"/>
      <c r="L7" s="550"/>
      <c r="M7" s="550"/>
      <c r="N7" s="904" t="s">
        <v>772</v>
      </c>
      <c r="O7" s="904" t="s">
        <v>773</v>
      </c>
      <c r="P7" s="902"/>
      <c r="Q7" s="902"/>
      <c r="R7" s="470"/>
      <c r="S7" s="237"/>
    </row>
    <row r="8" spans="2:19" s="520" customFormat="1" ht="91.5" customHeight="1">
      <c r="B8" s="901"/>
      <c r="C8" s="901"/>
      <c r="D8" s="466"/>
      <c r="E8" s="902"/>
      <c r="F8" s="902"/>
      <c r="G8" s="466" t="s">
        <v>774</v>
      </c>
      <c r="H8" s="466" t="s">
        <v>775</v>
      </c>
      <c r="I8" s="466" t="s">
        <v>776</v>
      </c>
      <c r="J8" s="902"/>
      <c r="K8" s="466" t="s">
        <v>777</v>
      </c>
      <c r="L8" s="466" t="s">
        <v>778</v>
      </c>
      <c r="M8" s="466" t="s">
        <v>779</v>
      </c>
      <c r="N8" s="902"/>
      <c r="O8" s="902"/>
      <c r="P8" s="902"/>
      <c r="Q8" s="902"/>
      <c r="R8" s="470"/>
      <c r="S8" s="551"/>
    </row>
    <row r="9" spans="2:19" s="269" customFormat="1" ht="19.5" thickBot="1">
      <c r="B9" s="901"/>
      <c r="C9" s="901"/>
      <c r="D9" s="428" t="s">
        <v>4</v>
      </c>
      <c r="E9" s="428" t="s">
        <v>5</v>
      </c>
      <c r="F9" s="428" t="s">
        <v>6</v>
      </c>
      <c r="G9" s="428" t="s">
        <v>41</v>
      </c>
      <c r="H9" s="428" t="s">
        <v>42</v>
      </c>
      <c r="I9" s="428" t="s">
        <v>94</v>
      </c>
      <c r="J9" s="428" t="s">
        <v>95</v>
      </c>
      <c r="K9" s="428" t="s">
        <v>96</v>
      </c>
      <c r="L9" s="428" t="s">
        <v>218</v>
      </c>
      <c r="M9" s="428" t="s">
        <v>219</v>
      </c>
      <c r="N9" s="428" t="s">
        <v>220</v>
      </c>
      <c r="O9" s="428" t="s">
        <v>221</v>
      </c>
      <c r="P9" s="428" t="s">
        <v>222</v>
      </c>
      <c r="Q9" s="428" t="s">
        <v>442</v>
      </c>
      <c r="R9" s="73"/>
      <c r="S9" s="552"/>
    </row>
    <row r="10" spans="2:19" s="318" customFormat="1" ht="20.25" customHeight="1">
      <c r="B10" s="278">
        <v>1</v>
      </c>
      <c r="C10" s="279" t="s">
        <v>1169</v>
      </c>
      <c r="D10" s="553">
        <v>210773.53790999998</v>
      </c>
      <c r="E10" s="843">
        <v>0</v>
      </c>
      <c r="F10" s="843">
        <v>0</v>
      </c>
      <c r="G10" s="843">
        <v>0</v>
      </c>
      <c r="H10" s="843">
        <v>0</v>
      </c>
      <c r="I10" s="843">
        <v>0</v>
      </c>
      <c r="J10" s="843">
        <v>0</v>
      </c>
      <c r="K10" s="843">
        <v>0</v>
      </c>
      <c r="L10" s="843">
        <v>0</v>
      </c>
      <c r="M10" s="843">
        <v>0</v>
      </c>
      <c r="N10" s="843">
        <v>0</v>
      </c>
      <c r="O10" s="843">
        <v>0</v>
      </c>
      <c r="P10" s="553">
        <v>124471.26381392901</v>
      </c>
      <c r="Q10" s="553">
        <v>124471.26381392901</v>
      </c>
      <c r="R10" s="554"/>
      <c r="S10" s="555"/>
    </row>
    <row r="11" spans="2:19" s="318" customFormat="1" ht="20.25" customHeight="1">
      <c r="B11" s="364" t="s">
        <v>1161</v>
      </c>
      <c r="C11" s="556" t="s">
        <v>1170</v>
      </c>
      <c r="D11" s="542">
        <v>0</v>
      </c>
      <c r="E11" s="844">
        <v>0</v>
      </c>
      <c r="F11" s="844">
        <v>0</v>
      </c>
      <c r="G11" s="844">
        <v>0</v>
      </c>
      <c r="H11" s="844">
        <v>0</v>
      </c>
      <c r="I11" s="844">
        <v>0</v>
      </c>
      <c r="J11" s="844">
        <v>0</v>
      </c>
      <c r="K11" s="844">
        <v>0</v>
      </c>
      <c r="L11" s="844">
        <v>0</v>
      </c>
      <c r="M11" s="844">
        <v>0</v>
      </c>
      <c r="N11" s="844">
        <v>0</v>
      </c>
      <c r="O11" s="844">
        <v>0</v>
      </c>
      <c r="P11" s="542">
        <v>0</v>
      </c>
      <c r="Q11" s="542">
        <v>0</v>
      </c>
      <c r="R11" s="554"/>
      <c r="S11" s="555"/>
    </row>
    <row r="12" spans="2:19" s="318" customFormat="1" ht="20.25" customHeight="1">
      <c r="B12" s="364" t="s">
        <v>1162</v>
      </c>
      <c r="C12" s="568" t="s">
        <v>1171</v>
      </c>
      <c r="D12" s="542">
        <v>210773.53790999998</v>
      </c>
      <c r="E12" s="844">
        <v>0</v>
      </c>
      <c r="F12" s="844">
        <v>0</v>
      </c>
      <c r="G12" s="844">
        <v>0</v>
      </c>
      <c r="H12" s="844">
        <v>0</v>
      </c>
      <c r="I12" s="844">
        <v>0</v>
      </c>
      <c r="J12" s="844">
        <v>0</v>
      </c>
      <c r="K12" s="844">
        <v>0</v>
      </c>
      <c r="L12" s="844">
        <v>0</v>
      </c>
      <c r="M12" s="844">
        <v>0</v>
      </c>
      <c r="N12" s="844">
        <v>0</v>
      </c>
      <c r="O12" s="844">
        <v>0</v>
      </c>
      <c r="P12" s="542">
        <v>124471.26381392901</v>
      </c>
      <c r="Q12" s="542">
        <v>124471.26381392901</v>
      </c>
      <c r="R12" s="557"/>
    </row>
    <row r="13" spans="2:19" s="318" customFormat="1" ht="20.25" customHeight="1">
      <c r="B13" s="364">
        <v>2</v>
      </c>
      <c r="C13" s="246" t="s">
        <v>1172</v>
      </c>
      <c r="D13" s="542">
        <v>286800.02033992397</v>
      </c>
      <c r="E13" s="844">
        <v>0</v>
      </c>
      <c r="F13" s="844">
        <v>0</v>
      </c>
      <c r="G13" s="844">
        <v>0</v>
      </c>
      <c r="H13" s="844">
        <v>0</v>
      </c>
      <c r="I13" s="844">
        <v>0</v>
      </c>
      <c r="J13" s="844">
        <v>0</v>
      </c>
      <c r="K13" s="844">
        <v>0</v>
      </c>
      <c r="L13" s="844">
        <v>0</v>
      </c>
      <c r="M13" s="844">
        <v>0</v>
      </c>
      <c r="N13" s="844">
        <v>0</v>
      </c>
      <c r="O13" s="844">
        <v>0</v>
      </c>
      <c r="P13" s="542">
        <v>130043.51798835283</v>
      </c>
      <c r="Q13" s="542">
        <v>130023.59975415084</v>
      </c>
      <c r="R13" s="558"/>
      <c r="S13" s="555"/>
    </row>
    <row r="14" spans="2:19" s="318" customFormat="1" ht="20.25" customHeight="1">
      <c r="B14" s="364" t="s">
        <v>213</v>
      </c>
      <c r="C14" s="568" t="s">
        <v>1173</v>
      </c>
      <c r="D14" s="542">
        <v>272051.33700769796</v>
      </c>
      <c r="E14" s="844">
        <v>0</v>
      </c>
      <c r="F14" s="844">
        <v>0</v>
      </c>
      <c r="G14" s="844">
        <v>0</v>
      </c>
      <c r="H14" s="844">
        <v>0</v>
      </c>
      <c r="I14" s="844">
        <v>0</v>
      </c>
      <c r="J14" s="844">
        <v>0</v>
      </c>
      <c r="K14" s="844">
        <v>0</v>
      </c>
      <c r="L14" s="844">
        <v>0</v>
      </c>
      <c r="M14" s="844">
        <v>0</v>
      </c>
      <c r="N14" s="844">
        <v>0</v>
      </c>
      <c r="O14" s="844">
        <v>0</v>
      </c>
      <c r="P14" s="542">
        <v>121971.91962957599</v>
      </c>
      <c r="Q14" s="542">
        <v>121952.001395374</v>
      </c>
      <c r="R14" s="558"/>
      <c r="S14" s="555"/>
    </row>
    <row r="15" spans="2:19" s="318" customFormat="1" ht="20.25" customHeight="1">
      <c r="B15" s="364" t="s">
        <v>633</v>
      </c>
      <c r="C15" s="568" t="s">
        <v>1174</v>
      </c>
      <c r="D15" s="542">
        <v>14748.683332226001</v>
      </c>
      <c r="E15" s="844">
        <v>0</v>
      </c>
      <c r="F15" s="844">
        <v>0</v>
      </c>
      <c r="G15" s="844">
        <v>0</v>
      </c>
      <c r="H15" s="844">
        <v>0</v>
      </c>
      <c r="I15" s="844">
        <v>0</v>
      </c>
      <c r="J15" s="844">
        <v>0</v>
      </c>
      <c r="K15" s="844">
        <v>0</v>
      </c>
      <c r="L15" s="844">
        <v>0</v>
      </c>
      <c r="M15" s="844">
        <v>0</v>
      </c>
      <c r="N15" s="844">
        <v>0</v>
      </c>
      <c r="O15" s="844">
        <v>0</v>
      </c>
      <c r="P15" s="542">
        <v>8071.5983587768496</v>
      </c>
      <c r="Q15" s="542">
        <v>8071.5983587768496</v>
      </c>
      <c r="R15" s="558"/>
      <c r="S15" s="555"/>
    </row>
    <row r="16" spans="2:19" s="318" customFormat="1" ht="20.25" customHeight="1">
      <c r="B16" s="364">
        <v>3</v>
      </c>
      <c r="C16" s="246" t="s">
        <v>1175</v>
      </c>
      <c r="D16" s="542">
        <v>472498.04088024981</v>
      </c>
      <c r="E16" s="844">
        <v>0</v>
      </c>
      <c r="F16" s="844">
        <v>0</v>
      </c>
      <c r="G16" s="844">
        <v>0</v>
      </c>
      <c r="H16" s="844">
        <v>0</v>
      </c>
      <c r="I16" s="844">
        <v>0</v>
      </c>
      <c r="J16" s="844">
        <v>0</v>
      </c>
      <c r="K16" s="844">
        <v>0</v>
      </c>
      <c r="L16" s="844">
        <v>0</v>
      </c>
      <c r="M16" s="844">
        <v>0</v>
      </c>
      <c r="N16" s="844">
        <v>0</v>
      </c>
      <c r="O16" s="844">
        <v>0</v>
      </c>
      <c r="P16" s="542">
        <v>113599.66728354836</v>
      </c>
      <c r="Q16" s="542">
        <v>112948.8975355704</v>
      </c>
      <c r="R16" s="558"/>
      <c r="S16" s="555"/>
    </row>
    <row r="17" spans="2:19" s="318" customFormat="1" ht="20.25" customHeight="1">
      <c r="B17" s="364">
        <v>5</v>
      </c>
      <c r="C17" s="246" t="s">
        <v>1176</v>
      </c>
      <c r="D17" s="542">
        <v>4580448.9984410536</v>
      </c>
      <c r="E17" s="844">
        <v>5.5373260151204376E-4</v>
      </c>
      <c r="F17" s="844">
        <v>0</v>
      </c>
      <c r="G17" s="844">
        <v>0</v>
      </c>
      <c r="H17" s="844">
        <v>0</v>
      </c>
      <c r="I17" s="844">
        <v>0</v>
      </c>
      <c r="J17" s="844">
        <v>0</v>
      </c>
      <c r="K17" s="844">
        <v>0</v>
      </c>
      <c r="L17" s="844">
        <v>0</v>
      </c>
      <c r="M17" s="844">
        <v>0</v>
      </c>
      <c r="N17" s="844">
        <v>1.84349834041901E-2</v>
      </c>
      <c r="O17" s="844">
        <v>0</v>
      </c>
      <c r="P17" s="542">
        <v>2072461.0550063229</v>
      </c>
      <c r="Q17" s="542">
        <v>1959713.9844359923</v>
      </c>
      <c r="R17" s="558"/>
      <c r="S17" s="555"/>
    </row>
    <row r="18" spans="2:19" s="318" customFormat="1" ht="20.25" customHeight="1">
      <c r="B18" s="364" t="s">
        <v>1164</v>
      </c>
      <c r="C18" s="568" t="s">
        <v>1177</v>
      </c>
      <c r="D18" s="542">
        <v>674362.50491595699</v>
      </c>
      <c r="E18" s="844">
        <v>0</v>
      </c>
      <c r="F18" s="844">
        <v>0</v>
      </c>
      <c r="G18" s="844">
        <v>0</v>
      </c>
      <c r="H18" s="844">
        <v>0</v>
      </c>
      <c r="I18" s="844">
        <v>0</v>
      </c>
      <c r="J18" s="844">
        <v>0</v>
      </c>
      <c r="K18" s="844">
        <v>0</v>
      </c>
      <c r="L18" s="844">
        <v>0</v>
      </c>
      <c r="M18" s="844">
        <v>0</v>
      </c>
      <c r="N18" s="844">
        <v>0.12521529689810298</v>
      </c>
      <c r="O18" s="844">
        <v>0</v>
      </c>
      <c r="P18" s="542">
        <v>152975.543366959</v>
      </c>
      <c r="Q18" s="542">
        <v>152022.24063214002</v>
      </c>
      <c r="R18" s="558"/>
      <c r="S18" s="555"/>
    </row>
    <row r="19" spans="2:19" s="318" customFormat="1" ht="20.25" customHeight="1">
      <c r="B19" s="364" t="s">
        <v>1168</v>
      </c>
      <c r="C19" s="568" t="s">
        <v>1178</v>
      </c>
      <c r="D19" s="542">
        <v>821188.42642886704</v>
      </c>
      <c r="E19" s="844">
        <v>5.5070357234165575E-5</v>
      </c>
      <c r="F19" s="844">
        <v>0</v>
      </c>
      <c r="G19" s="844">
        <v>0</v>
      </c>
      <c r="H19" s="844">
        <v>0</v>
      </c>
      <c r="I19" s="844">
        <v>0</v>
      </c>
      <c r="J19" s="844">
        <v>0</v>
      </c>
      <c r="K19" s="844">
        <v>0</v>
      </c>
      <c r="L19" s="844">
        <v>0</v>
      </c>
      <c r="M19" s="844">
        <v>0</v>
      </c>
      <c r="N19" s="844">
        <v>0</v>
      </c>
      <c r="O19" s="844">
        <v>0</v>
      </c>
      <c r="P19" s="542">
        <v>590653.24963092303</v>
      </c>
      <c r="Q19" s="542">
        <v>479340.69675953151</v>
      </c>
      <c r="R19" s="558"/>
      <c r="S19" s="555"/>
    </row>
    <row r="20" spans="2:19" s="318" customFormat="1" ht="20.25" customHeight="1">
      <c r="B20" s="364" t="s">
        <v>1165</v>
      </c>
      <c r="C20" s="568" t="s">
        <v>1180</v>
      </c>
      <c r="D20" s="542">
        <v>3084898.0670962296</v>
      </c>
      <c r="E20" s="844">
        <v>8.0752126839148889E-4</v>
      </c>
      <c r="F20" s="844">
        <v>0</v>
      </c>
      <c r="G20" s="844">
        <v>0</v>
      </c>
      <c r="H20" s="844">
        <v>0</v>
      </c>
      <c r="I20" s="844">
        <v>0</v>
      </c>
      <c r="J20" s="844">
        <v>0</v>
      </c>
      <c r="K20" s="844">
        <v>0</v>
      </c>
      <c r="L20" s="844">
        <v>0</v>
      </c>
      <c r="M20" s="844">
        <v>0</v>
      </c>
      <c r="N20" s="844">
        <v>0</v>
      </c>
      <c r="O20" s="844">
        <v>0</v>
      </c>
      <c r="P20" s="542">
        <v>1328832.2620084409</v>
      </c>
      <c r="Q20" s="542">
        <v>1328351.0470443207</v>
      </c>
      <c r="R20" s="558"/>
      <c r="S20" s="555"/>
    </row>
    <row r="21" spans="2:19" s="318" customFormat="1" ht="20.25" customHeight="1">
      <c r="B21" s="364">
        <v>6</v>
      </c>
      <c r="C21" s="246" t="s">
        <v>1179</v>
      </c>
      <c r="D21" s="542">
        <v>3737675.87936822</v>
      </c>
      <c r="E21" s="844">
        <v>1.8949628625023258E-2</v>
      </c>
      <c r="F21" s="844">
        <v>4.2225338929540125E-3</v>
      </c>
      <c r="G21" s="844">
        <v>4.2225338929540125E-3</v>
      </c>
      <c r="H21" s="844">
        <v>0</v>
      </c>
      <c r="I21" s="844">
        <v>0</v>
      </c>
      <c r="J21" s="844">
        <v>0</v>
      </c>
      <c r="K21" s="844">
        <v>0</v>
      </c>
      <c r="L21" s="844">
        <v>0</v>
      </c>
      <c r="M21" s="844">
        <v>0</v>
      </c>
      <c r="N21" s="844">
        <v>4.5279220864821619E-3</v>
      </c>
      <c r="O21" s="844">
        <v>0</v>
      </c>
      <c r="P21" s="542">
        <v>2942349.4665038548</v>
      </c>
      <c r="Q21" s="542">
        <v>2591547.603990043</v>
      </c>
      <c r="R21" s="558"/>
      <c r="S21" s="555"/>
    </row>
    <row r="22" spans="2:19" s="318" customFormat="1" ht="20.25" customHeight="1">
      <c r="B22" s="364" t="s">
        <v>1166</v>
      </c>
      <c r="C22" s="568" t="s">
        <v>1177</v>
      </c>
      <c r="D22" s="542">
        <v>142499.20067676</v>
      </c>
      <c r="E22" s="844">
        <v>9.9584025963693236E-3</v>
      </c>
      <c r="F22" s="844">
        <v>0</v>
      </c>
      <c r="G22" s="844">
        <v>0</v>
      </c>
      <c r="H22" s="844">
        <v>0</v>
      </c>
      <c r="I22" s="844">
        <v>0</v>
      </c>
      <c r="J22" s="844">
        <v>0</v>
      </c>
      <c r="K22" s="844">
        <v>0</v>
      </c>
      <c r="L22" s="844">
        <v>0</v>
      </c>
      <c r="M22" s="844">
        <v>0</v>
      </c>
      <c r="N22" s="844">
        <v>7.3272733112971482E-3</v>
      </c>
      <c r="O22" s="844">
        <v>0</v>
      </c>
      <c r="P22" s="542">
        <v>92357.395636849003</v>
      </c>
      <c r="Q22" s="542">
        <v>84638.603477180091</v>
      </c>
      <c r="R22" s="558"/>
      <c r="S22" s="555"/>
    </row>
    <row r="23" spans="2:19" s="318" customFormat="1" ht="20.25" customHeight="1">
      <c r="B23" s="364" t="s">
        <v>1167</v>
      </c>
      <c r="C23" s="568" t="s">
        <v>1178</v>
      </c>
      <c r="D23" s="542">
        <v>0</v>
      </c>
      <c r="E23" s="844">
        <v>0</v>
      </c>
      <c r="F23" s="844">
        <v>0</v>
      </c>
      <c r="G23" s="844">
        <v>0</v>
      </c>
      <c r="H23" s="844">
        <v>0</v>
      </c>
      <c r="I23" s="844">
        <v>0</v>
      </c>
      <c r="J23" s="844">
        <v>0</v>
      </c>
      <c r="K23" s="844">
        <v>0</v>
      </c>
      <c r="L23" s="844">
        <v>0</v>
      </c>
      <c r="M23" s="844">
        <v>0</v>
      </c>
      <c r="N23" s="844">
        <v>0</v>
      </c>
      <c r="O23" s="844">
        <v>0</v>
      </c>
      <c r="P23" s="542">
        <v>0</v>
      </c>
      <c r="Q23" s="542">
        <v>0</v>
      </c>
      <c r="R23" s="558"/>
      <c r="S23" s="555"/>
    </row>
    <row r="24" spans="2:19" s="318" customFormat="1" ht="20.25" customHeight="1">
      <c r="B24" s="364" t="s">
        <v>1163</v>
      </c>
      <c r="C24" s="568" t="s">
        <v>1180</v>
      </c>
      <c r="D24" s="542">
        <v>3595176.6786914598</v>
      </c>
      <c r="E24" s="844">
        <v>1.9306006805205934E-2</v>
      </c>
      <c r="F24" s="844">
        <v>4.3898991599081467E-3</v>
      </c>
      <c r="G24" s="844">
        <v>4.3898991599081467E-3</v>
      </c>
      <c r="H24" s="844">
        <v>0</v>
      </c>
      <c r="I24" s="844">
        <v>0</v>
      </c>
      <c r="J24" s="844">
        <v>0</v>
      </c>
      <c r="K24" s="844">
        <v>0</v>
      </c>
      <c r="L24" s="844">
        <v>0</v>
      </c>
      <c r="M24" s="844">
        <v>0</v>
      </c>
      <c r="N24" s="844">
        <v>4.4169663956773264E-3</v>
      </c>
      <c r="O24" s="844">
        <v>0</v>
      </c>
      <c r="P24" s="542">
        <v>2849992.0708670057</v>
      </c>
      <c r="Q24" s="542">
        <v>2506909.000512863</v>
      </c>
      <c r="R24" s="558"/>
      <c r="S24" s="555"/>
    </row>
    <row r="25" spans="2:19" s="318" customFormat="1" ht="20.25" customHeight="1">
      <c r="B25" s="364">
        <v>8</v>
      </c>
      <c r="C25" s="246" t="s">
        <v>572</v>
      </c>
      <c r="D25" s="542">
        <v>24469935.922392227</v>
      </c>
      <c r="E25" s="844">
        <v>3.8277623256493237E-3</v>
      </c>
      <c r="F25" s="844">
        <v>0.81180779305763739</v>
      </c>
      <c r="G25" s="844">
        <v>0.81180779305763739</v>
      </c>
      <c r="H25" s="844">
        <v>0</v>
      </c>
      <c r="I25" s="844">
        <v>0</v>
      </c>
      <c r="J25" s="844">
        <v>0</v>
      </c>
      <c r="K25" s="844">
        <v>0</v>
      </c>
      <c r="L25" s="844">
        <v>0</v>
      </c>
      <c r="M25" s="844">
        <v>0</v>
      </c>
      <c r="N25" s="844">
        <v>0</v>
      </c>
      <c r="O25" s="844">
        <v>0</v>
      </c>
      <c r="P25" s="542">
        <v>4739354.3483279021</v>
      </c>
      <c r="Q25" s="542">
        <v>4590521.713173884</v>
      </c>
      <c r="R25" s="558"/>
      <c r="S25" s="555"/>
    </row>
    <row r="26" spans="2:19" s="318" customFormat="1" ht="20.25" customHeight="1">
      <c r="B26" s="364">
        <v>9</v>
      </c>
      <c r="C26" s="246" t="s">
        <v>1199</v>
      </c>
      <c r="D26" s="542">
        <v>789155.97832734394</v>
      </c>
      <c r="E26" s="844">
        <v>0</v>
      </c>
      <c r="F26" s="844">
        <v>0</v>
      </c>
      <c r="G26" s="844">
        <v>0</v>
      </c>
      <c r="H26" s="844">
        <v>0</v>
      </c>
      <c r="I26" s="844">
        <v>0</v>
      </c>
      <c r="J26" s="844">
        <v>0</v>
      </c>
      <c r="K26" s="844">
        <v>0</v>
      </c>
      <c r="L26" s="844">
        <v>0</v>
      </c>
      <c r="M26" s="844">
        <v>0</v>
      </c>
      <c r="N26" s="844">
        <v>0</v>
      </c>
      <c r="O26" s="844">
        <v>0</v>
      </c>
      <c r="P26" s="542">
        <v>248846.94856359198</v>
      </c>
      <c r="Q26" s="542">
        <v>248846.94856359198</v>
      </c>
      <c r="R26" s="557"/>
    </row>
    <row r="27" spans="2:19" s="318" customFormat="1" ht="20.25" customHeight="1">
      <c r="B27" s="364">
        <v>10</v>
      </c>
      <c r="C27" s="246" t="s">
        <v>1200</v>
      </c>
      <c r="D27" s="542">
        <v>21109245.845294103</v>
      </c>
      <c r="E27" s="844">
        <v>0</v>
      </c>
      <c r="F27" s="844">
        <v>0.94087474026492812</v>
      </c>
      <c r="G27" s="844">
        <v>0.94087474026492812</v>
      </c>
      <c r="H27" s="844">
        <v>0</v>
      </c>
      <c r="I27" s="844">
        <v>0</v>
      </c>
      <c r="J27" s="844">
        <v>0</v>
      </c>
      <c r="K27" s="844">
        <v>0</v>
      </c>
      <c r="L27" s="844">
        <v>0</v>
      </c>
      <c r="M27" s="844">
        <v>0</v>
      </c>
      <c r="N27" s="844">
        <v>0</v>
      </c>
      <c r="O27" s="844">
        <v>0</v>
      </c>
      <c r="P27" s="542">
        <v>3089891.2469322002</v>
      </c>
      <c r="Q27" s="542">
        <v>3089891.2469322002</v>
      </c>
    </row>
    <row r="28" spans="2:19" s="318" customFormat="1" ht="20.25" customHeight="1">
      <c r="B28" s="364" t="s">
        <v>1147</v>
      </c>
      <c r="C28" s="568" t="s">
        <v>1201</v>
      </c>
      <c r="D28" s="542">
        <v>6307.6210499999997</v>
      </c>
      <c r="E28" s="844">
        <v>0</v>
      </c>
      <c r="F28" s="844">
        <v>0</v>
      </c>
      <c r="G28" s="844">
        <v>0</v>
      </c>
      <c r="H28" s="844">
        <v>0</v>
      </c>
      <c r="I28" s="844">
        <v>0</v>
      </c>
      <c r="J28" s="844">
        <v>0</v>
      </c>
      <c r="K28" s="844">
        <v>0</v>
      </c>
      <c r="L28" s="844">
        <v>0</v>
      </c>
      <c r="M28" s="844">
        <v>0</v>
      </c>
      <c r="N28" s="844">
        <v>0</v>
      </c>
      <c r="O28" s="844">
        <v>0</v>
      </c>
      <c r="P28" s="542">
        <v>3793.7037628171902</v>
      </c>
      <c r="Q28" s="542">
        <v>2900.7952885144</v>
      </c>
    </row>
    <row r="29" spans="2:19" s="318" customFormat="1" ht="20.25" customHeight="1">
      <c r="B29" s="364" t="s">
        <v>1148</v>
      </c>
      <c r="C29" s="568" t="s">
        <v>1202</v>
      </c>
      <c r="D29" s="542">
        <v>2565226.4777207798</v>
      </c>
      <c r="E29" s="844">
        <v>3.6513383768753252E-2</v>
      </c>
      <c r="F29" s="844">
        <v>1.4534683669524472E-3</v>
      </c>
      <c r="G29" s="844">
        <v>1.4534683669524472E-3</v>
      </c>
      <c r="H29" s="844">
        <v>0</v>
      </c>
      <c r="I29" s="844">
        <v>0</v>
      </c>
      <c r="J29" s="844">
        <v>0</v>
      </c>
      <c r="K29" s="844">
        <v>0</v>
      </c>
      <c r="L29" s="844">
        <v>0</v>
      </c>
      <c r="M29" s="844">
        <v>0</v>
      </c>
      <c r="N29" s="844">
        <v>0</v>
      </c>
      <c r="O29" s="844">
        <v>0</v>
      </c>
      <c r="P29" s="542">
        <v>1396822.449069293</v>
      </c>
      <c r="Q29" s="542">
        <v>1248882.7223895772</v>
      </c>
    </row>
    <row r="30" spans="2:19" s="318" customFormat="1" ht="20.25" customHeight="1">
      <c r="B30" s="559">
        <v>17</v>
      </c>
      <c r="C30" s="560" t="s">
        <v>1141</v>
      </c>
      <c r="D30" s="561">
        <v>5263720.5772313029</v>
      </c>
      <c r="E30" s="845">
        <v>4.8185383376374188E-4</v>
      </c>
      <c r="F30" s="845">
        <v>0</v>
      </c>
      <c r="G30" s="845">
        <v>0</v>
      </c>
      <c r="H30" s="845">
        <v>0</v>
      </c>
      <c r="I30" s="845">
        <v>0</v>
      </c>
      <c r="J30" s="845">
        <v>0</v>
      </c>
      <c r="K30" s="845">
        <v>0</v>
      </c>
      <c r="L30" s="845">
        <v>0</v>
      </c>
      <c r="M30" s="845">
        <v>0</v>
      </c>
      <c r="N30" s="845">
        <v>1.6041980198427511E-2</v>
      </c>
      <c r="O30" s="845">
        <v>0</v>
      </c>
      <c r="P30" s="561">
        <v>2310531.9861038001</v>
      </c>
      <c r="Q30" s="561">
        <v>2197134.1457854919</v>
      </c>
    </row>
    <row r="31" spans="2:19" s="318" customFormat="1" ht="20.25" customHeight="1">
      <c r="B31" s="562">
        <v>18</v>
      </c>
      <c r="C31" s="563" t="s">
        <v>1142</v>
      </c>
      <c r="D31" s="564">
        <v>28781211.842440296</v>
      </c>
      <c r="E31" s="846">
        <v>5.7728044957200998E-3</v>
      </c>
      <c r="F31" s="846">
        <v>0.69770407140255752</v>
      </c>
      <c r="G31" s="846">
        <v>0.69770407140255752</v>
      </c>
      <c r="H31" s="846">
        <v>0</v>
      </c>
      <c r="I31" s="846">
        <v>0</v>
      </c>
      <c r="J31" s="846">
        <v>0</v>
      </c>
      <c r="K31" s="846">
        <v>0</v>
      </c>
      <c r="L31" s="846">
        <v>0</v>
      </c>
      <c r="M31" s="846">
        <v>0</v>
      </c>
      <c r="N31" s="846">
        <v>5.9393769108007197E-4</v>
      </c>
      <c r="O31" s="846">
        <v>0</v>
      </c>
      <c r="P31" s="564">
        <v>7941790.8508084621</v>
      </c>
      <c r="Q31" s="564">
        <v>7442116.5166722294</v>
      </c>
    </row>
    <row r="32" spans="2:19" s="318" customFormat="1" ht="20.25" customHeight="1" thickBot="1">
      <c r="B32" s="565">
        <v>19</v>
      </c>
      <c r="C32" s="566" t="s">
        <v>1143</v>
      </c>
      <c r="D32" s="443">
        <v>33758132.399331674</v>
      </c>
      <c r="E32" s="847">
        <v>4.9478155554845728E-3</v>
      </c>
      <c r="F32" s="847">
        <v>0.58891489924052154</v>
      </c>
      <c r="G32" s="847">
        <v>0.58891489924052154</v>
      </c>
      <c r="H32" s="847">
        <v>0</v>
      </c>
      <c r="I32" s="847">
        <v>0</v>
      </c>
      <c r="J32" s="847">
        <v>0</v>
      </c>
      <c r="K32" s="847">
        <v>0</v>
      </c>
      <c r="L32" s="847">
        <v>0</v>
      </c>
      <c r="M32" s="847">
        <v>0</v>
      </c>
      <c r="N32" s="847">
        <v>3.0026662979232158E-3</v>
      </c>
      <c r="O32" s="847">
        <v>0</v>
      </c>
      <c r="P32" s="443">
        <v>10122279.318923909</v>
      </c>
      <c r="Q32" s="443">
        <v>9509227.0627035685</v>
      </c>
    </row>
    <row r="33" spans="2:2" s="269" customFormat="1" ht="16.5">
      <c r="B33" s="93"/>
    </row>
    <row r="34" spans="2:2" s="269" customFormat="1" ht="16.5">
      <c r="B34" s="93"/>
    </row>
    <row r="35" spans="2:2" s="269" customFormat="1" ht="16.5">
      <c r="B35" s="93"/>
    </row>
    <row r="36" spans="2:2" s="269" customFormat="1" ht="16.5">
      <c r="B36" s="93"/>
    </row>
    <row r="37" spans="2:2" s="130" customFormat="1">
      <c r="B37" s="274"/>
    </row>
    <row r="38" spans="2:2" s="130" customFormat="1">
      <c r="B38" s="274"/>
    </row>
  </sheetData>
  <mergeCells count="13">
    <mergeCell ref="B5:C9"/>
    <mergeCell ref="D5:D7"/>
    <mergeCell ref="E5:O5"/>
    <mergeCell ref="P5:Q5"/>
    <mergeCell ref="E6:M6"/>
    <mergeCell ref="N6:O6"/>
    <mergeCell ref="P6:P8"/>
    <mergeCell ref="Q6:Q8"/>
    <mergeCell ref="E7:E8"/>
    <mergeCell ref="F7:F8"/>
    <mergeCell ref="J7:J8"/>
    <mergeCell ref="N7:N8"/>
    <mergeCell ref="O7:O8"/>
  </mergeCells>
  <hyperlinks>
    <hyperlink ref="S1" location="Índice!A1" display="Voltar ao Índice" xr:uid="{00000000-0004-0000-1B00-000000000000}"/>
  </hyperlinks>
  <pageMargins left="0.70866141732283472" right="0.70866141732283472" top="0.74803149606299213" bottom="0.74803149606299213" header="0.31496062992125984" footer="0.31496062992125984"/>
  <pageSetup paperSize="9" scale="45" fitToHeight="0" orientation="landscape" r:id="rId1"/>
  <headerFooter>
    <oddFooter>&amp;C1</oddFooter>
  </headerFooter>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tabColor rgb="FFFF0000"/>
  </sheetPr>
  <dimension ref="B1:H14"/>
  <sheetViews>
    <sheetView showGridLines="0" zoomScaleNormal="100" zoomScalePageLayoutView="80" workbookViewId="0"/>
  </sheetViews>
  <sheetFormatPr defaultColWidth="9.140625" defaultRowHeight="18.75"/>
  <cols>
    <col min="1" max="1" width="4.7109375" style="9" customWidth="1"/>
    <col min="2" max="2" width="3.5703125" style="9" customWidth="1"/>
    <col min="3" max="3" width="74.140625" style="9" customWidth="1"/>
    <col min="4" max="4" width="32.7109375" style="9" customWidth="1"/>
    <col min="5" max="6" width="9.140625" style="9"/>
    <col min="7" max="7" width="6.140625" style="9" customWidth="1"/>
    <col min="8" max="8" width="14" style="9" customWidth="1"/>
    <col min="9" max="16384" width="9.140625" style="9"/>
  </cols>
  <sheetData>
    <row r="1" spans="2:8" ht="25.5">
      <c r="B1" s="8" t="s">
        <v>583</v>
      </c>
      <c r="C1" s="534"/>
      <c r="D1" s="534"/>
      <c r="H1" s="535"/>
    </row>
    <row r="2" spans="2:8" s="130" customFormat="1" ht="15.95" customHeight="1">
      <c r="B2" s="262" t="s">
        <v>750</v>
      </c>
      <c r="H2" s="186"/>
    </row>
    <row r="3" spans="2:8" s="130" customFormat="1">
      <c r="H3" s="53" t="s">
        <v>945</v>
      </c>
    </row>
    <row r="4" spans="2:8" s="269" customFormat="1" ht="33">
      <c r="B4" s="536"/>
      <c r="C4" s="536"/>
      <c r="D4" s="276" t="s">
        <v>594</v>
      </c>
    </row>
    <row r="5" spans="2:8" s="269" customFormat="1" ht="20.100000000000001" customHeight="1" thickBot="1">
      <c r="C5" s="536"/>
      <c r="D5" s="537" t="s">
        <v>4</v>
      </c>
    </row>
    <row r="6" spans="2:8" s="269" customFormat="1" ht="20.100000000000001" customHeight="1">
      <c r="B6" s="538">
        <v>1</v>
      </c>
      <c r="C6" s="539" t="s">
        <v>595</v>
      </c>
      <c r="D6" s="540">
        <v>9241872.1300000008</v>
      </c>
    </row>
    <row r="7" spans="2:8" s="269" customFormat="1" ht="20.100000000000001" customHeight="1">
      <c r="B7" s="282">
        <v>2</v>
      </c>
      <c r="C7" s="541" t="s">
        <v>596</v>
      </c>
      <c r="D7" s="542">
        <v>464167.35289999901</v>
      </c>
    </row>
    <row r="8" spans="2:8" s="269" customFormat="1" ht="20.100000000000001" customHeight="1">
      <c r="B8" s="282">
        <v>3</v>
      </c>
      <c r="C8" s="541" t="s">
        <v>597</v>
      </c>
      <c r="D8" s="542">
        <v>55189.6947899999</v>
      </c>
    </row>
    <row r="9" spans="2:8" s="269" customFormat="1" ht="20.100000000000001" customHeight="1">
      <c r="B9" s="282">
        <v>4</v>
      </c>
      <c r="C9" s="541" t="s">
        <v>598</v>
      </c>
      <c r="D9" s="542">
        <v>0</v>
      </c>
    </row>
    <row r="10" spans="2:8" s="269" customFormat="1" ht="20.100000000000001" customHeight="1">
      <c r="B10" s="282">
        <v>5</v>
      </c>
      <c r="C10" s="541" t="s">
        <v>599</v>
      </c>
      <c r="D10" s="542">
        <v>0</v>
      </c>
    </row>
    <row r="11" spans="2:8" s="269" customFormat="1" ht="20.100000000000001" customHeight="1">
      <c r="B11" s="282">
        <v>6</v>
      </c>
      <c r="C11" s="541" t="s">
        <v>600</v>
      </c>
      <c r="D11" s="542">
        <v>0</v>
      </c>
    </row>
    <row r="12" spans="2:8" s="269" customFormat="1" ht="20.100000000000001" customHeight="1">
      <c r="B12" s="282">
        <v>7</v>
      </c>
      <c r="C12" s="541" t="s">
        <v>601</v>
      </c>
      <c r="D12" s="542">
        <v>0</v>
      </c>
    </row>
    <row r="13" spans="2:8" s="269" customFormat="1" ht="20.100000000000001" customHeight="1">
      <c r="B13" s="543">
        <v>8</v>
      </c>
      <c r="C13" s="544" t="s">
        <v>602</v>
      </c>
      <c r="D13" s="545">
        <v>0</v>
      </c>
    </row>
    <row r="14" spans="2:8" s="269" customFormat="1" ht="20.100000000000001" customHeight="1" thickBot="1">
      <c r="B14" s="546">
        <v>9</v>
      </c>
      <c r="C14" s="547" t="s">
        <v>603</v>
      </c>
      <c r="D14" s="548">
        <v>9761229.1776899993</v>
      </c>
    </row>
  </sheetData>
  <hyperlinks>
    <hyperlink ref="H2" location="Índice!A1" display="Voltar ao Índice" xr:uid="{00000000-0004-0000-1C00-000000000000}"/>
    <hyperlink ref="H3" location="Índice!A1" display="Voltar ao Índice" xr:uid="{00000000-0004-0000-1C00-000001000000}"/>
  </hyperlinks>
  <pageMargins left="0.70866141732283472" right="0.70866141732283472" top="0.74803149606299213" bottom="0.74803149606299213" header="0.31496062992125984" footer="0.31496062992125984"/>
  <pageSetup paperSize="9" scale="55" fitToHeight="0" orientation="landscape" r:id="rId1"/>
  <headerFooter>
    <oddFooter>&amp;C1</oddFooter>
  </headerFooter>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tabColor rgb="FFFF0000"/>
  </sheetPr>
  <dimension ref="B1:K21"/>
  <sheetViews>
    <sheetView showGridLines="0" zoomScale="90" zoomScaleNormal="90" zoomScaleSheetLayoutView="40" zoomScalePageLayoutView="60" workbookViewId="0"/>
  </sheetViews>
  <sheetFormatPr defaultColWidth="8.7109375" defaultRowHeight="18.75"/>
  <cols>
    <col min="1" max="1" width="4.7109375" style="9" customWidth="1"/>
    <col min="2" max="2" width="19" style="9" customWidth="1"/>
    <col min="3" max="3" width="26.85546875" style="9" customWidth="1"/>
    <col min="4" max="4" width="21.85546875" style="9" customWidth="1"/>
    <col min="5" max="5" width="17.7109375" style="9" customWidth="1"/>
    <col min="6" max="6" width="16.140625" style="9" customWidth="1"/>
    <col min="7" max="7" width="23.7109375" style="9" customWidth="1"/>
    <col min="8" max="8" width="17.140625" style="9" customWidth="1"/>
    <col min="9" max="9" width="18.28515625" style="9" customWidth="1"/>
    <col min="10" max="10" width="8.7109375" style="9"/>
    <col min="11" max="11" width="16.5703125" style="9" customWidth="1"/>
    <col min="12" max="16384" width="8.7109375" style="9"/>
  </cols>
  <sheetData>
    <row r="1" spans="2:11" ht="24">
      <c r="B1" s="94" t="s">
        <v>604</v>
      </c>
      <c r="C1" s="347"/>
      <c r="D1" s="347"/>
      <c r="E1" s="347"/>
      <c r="F1" s="347"/>
      <c r="G1" s="347"/>
      <c r="H1" s="347"/>
      <c r="I1" s="347"/>
      <c r="J1" s="347"/>
    </row>
    <row r="2" spans="2:11" s="130" customFormat="1" ht="20.25" customHeight="1">
      <c r="B2" s="262" t="s">
        <v>750</v>
      </c>
    </row>
    <row r="3" spans="2:11" s="130" customFormat="1">
      <c r="K3" s="53" t="s">
        <v>945</v>
      </c>
    </row>
    <row r="4" spans="2:11" s="130" customFormat="1">
      <c r="B4" s="520" t="s">
        <v>605</v>
      </c>
    </row>
    <row r="5" spans="2:11" s="269" customFormat="1" ht="20.25" customHeight="1">
      <c r="B5" s="909" t="s">
        <v>606</v>
      </c>
      <c r="C5" s="909"/>
      <c r="D5" s="909"/>
      <c r="E5" s="909"/>
      <c r="F5" s="909"/>
      <c r="G5" s="909"/>
      <c r="H5" s="909"/>
      <c r="I5" s="909"/>
    </row>
    <row r="6" spans="2:11" s="269" customFormat="1" ht="25.15" customHeight="1">
      <c r="B6" s="876" t="s">
        <v>607</v>
      </c>
      <c r="C6" s="876" t="s">
        <v>608</v>
      </c>
      <c r="D6" s="270" t="s">
        <v>609</v>
      </c>
      <c r="E6" s="270" t="s">
        <v>610</v>
      </c>
      <c r="F6" s="270" t="s">
        <v>577</v>
      </c>
      <c r="G6" s="270" t="s">
        <v>93</v>
      </c>
      <c r="H6" s="270" t="s">
        <v>594</v>
      </c>
      <c r="I6" s="270" t="s">
        <v>585</v>
      </c>
    </row>
    <row r="7" spans="2:11" s="269" customFormat="1" ht="20.25" customHeight="1" thickBot="1">
      <c r="B7" s="908"/>
      <c r="C7" s="908"/>
      <c r="D7" s="521" t="s">
        <v>4</v>
      </c>
      <c r="E7" s="521" t="s">
        <v>5</v>
      </c>
      <c r="F7" s="521" t="s">
        <v>6</v>
      </c>
      <c r="G7" s="521" t="s">
        <v>41</v>
      </c>
      <c r="H7" s="521" t="s">
        <v>42</v>
      </c>
      <c r="I7" s="521" t="s">
        <v>94</v>
      </c>
    </row>
    <row r="8" spans="2:11" s="318" customFormat="1" ht="20.25" customHeight="1">
      <c r="B8" s="910" t="s">
        <v>611</v>
      </c>
      <c r="C8" s="242" t="s">
        <v>612</v>
      </c>
      <c r="D8" s="442">
        <v>166707.84010222999</v>
      </c>
      <c r="E8" s="442">
        <v>9755.9493299999995</v>
      </c>
      <c r="F8" s="522">
        <v>0.5</v>
      </c>
      <c r="G8" s="442">
        <v>170778.19796823</v>
      </c>
      <c r="H8" s="442">
        <v>72229.850151679799</v>
      </c>
      <c r="I8" s="442">
        <v>0</v>
      </c>
    </row>
    <row r="9" spans="2:11" s="318" customFormat="1" ht="20.25" customHeight="1">
      <c r="B9" s="905"/>
      <c r="C9" s="417" t="s">
        <v>613</v>
      </c>
      <c r="D9" s="434">
        <v>306873.16630137904</v>
      </c>
      <c r="E9" s="434">
        <v>96964.956319999998</v>
      </c>
      <c r="F9" s="523">
        <v>0.7</v>
      </c>
      <c r="G9" s="434">
        <v>342228.419025379</v>
      </c>
      <c r="H9" s="434">
        <v>187662.50645790601</v>
      </c>
      <c r="I9" s="434">
        <v>1349.1751338239999</v>
      </c>
    </row>
    <row r="10" spans="2:11" s="318" customFormat="1" ht="20.25" customHeight="1">
      <c r="B10" s="905" t="s">
        <v>614</v>
      </c>
      <c r="C10" s="417" t="s">
        <v>612</v>
      </c>
      <c r="D10" s="434">
        <v>41113.681353389999</v>
      </c>
      <c r="E10" s="434">
        <v>30682.930163603</v>
      </c>
      <c r="F10" s="523">
        <v>0.7</v>
      </c>
      <c r="G10" s="434">
        <v>47739.589440830998</v>
      </c>
      <c r="H10" s="434">
        <v>27276.600430224298</v>
      </c>
      <c r="I10" s="434">
        <v>190.95835776300001</v>
      </c>
    </row>
    <row r="11" spans="2:11" s="318" customFormat="1" ht="20.25" customHeight="1">
      <c r="B11" s="905"/>
      <c r="C11" s="417" t="s">
        <v>613</v>
      </c>
      <c r="D11" s="434">
        <v>203732.80354642702</v>
      </c>
      <c r="E11" s="434">
        <v>88688.830170000001</v>
      </c>
      <c r="F11" s="523">
        <v>0.9</v>
      </c>
      <c r="G11" s="434">
        <v>228844.75880642701</v>
      </c>
      <c r="H11" s="434">
        <v>171303.689527699</v>
      </c>
      <c r="I11" s="434">
        <v>1830.7580704540001</v>
      </c>
    </row>
    <row r="12" spans="2:11" s="318" customFormat="1" ht="20.25" customHeight="1">
      <c r="B12" s="905" t="s">
        <v>615</v>
      </c>
      <c r="C12" s="417" t="s">
        <v>612</v>
      </c>
      <c r="D12" s="434">
        <v>38660.288670000002</v>
      </c>
      <c r="E12" s="434">
        <v>0</v>
      </c>
      <c r="F12" s="523">
        <v>1.1499999999999999</v>
      </c>
      <c r="G12" s="434">
        <v>38660.288670000002</v>
      </c>
      <c r="H12" s="434">
        <v>33636.610278441804</v>
      </c>
      <c r="I12" s="434">
        <v>1082.48808276</v>
      </c>
    </row>
    <row r="13" spans="2:11" s="318" customFormat="1" ht="20.25" customHeight="1">
      <c r="B13" s="905"/>
      <c r="C13" s="417" t="s">
        <v>613</v>
      </c>
      <c r="D13" s="434">
        <v>0</v>
      </c>
      <c r="E13" s="434">
        <v>0</v>
      </c>
      <c r="F13" s="523">
        <v>1.1499999999999999</v>
      </c>
      <c r="G13" s="434">
        <v>0</v>
      </c>
      <c r="H13" s="434">
        <v>0</v>
      </c>
      <c r="I13" s="434">
        <v>0</v>
      </c>
    </row>
    <row r="14" spans="2:11" s="318" customFormat="1" ht="20.25" customHeight="1">
      <c r="B14" s="905" t="s">
        <v>616</v>
      </c>
      <c r="C14" s="417" t="s">
        <v>612</v>
      </c>
      <c r="D14" s="434">
        <v>0</v>
      </c>
      <c r="E14" s="434">
        <v>0</v>
      </c>
      <c r="F14" s="523">
        <v>2.5</v>
      </c>
      <c r="G14" s="434">
        <v>0</v>
      </c>
      <c r="H14" s="434">
        <v>0</v>
      </c>
      <c r="I14" s="434">
        <v>0</v>
      </c>
    </row>
    <row r="15" spans="2:11" s="318" customFormat="1" ht="20.25" customHeight="1">
      <c r="B15" s="905"/>
      <c r="C15" s="417" t="s">
        <v>613</v>
      </c>
      <c r="D15" s="434">
        <v>0</v>
      </c>
      <c r="E15" s="434">
        <v>0</v>
      </c>
      <c r="F15" s="523">
        <v>2.5</v>
      </c>
      <c r="G15" s="434">
        <v>0</v>
      </c>
      <c r="H15" s="434">
        <v>0</v>
      </c>
      <c r="I15" s="434">
        <v>0</v>
      </c>
    </row>
    <row r="16" spans="2:11" s="318" customFormat="1" ht="20.25" customHeight="1">
      <c r="B16" s="905" t="s">
        <v>617</v>
      </c>
      <c r="C16" s="417" t="s">
        <v>612</v>
      </c>
      <c r="D16" s="434">
        <v>774.35208</v>
      </c>
      <c r="E16" s="434">
        <v>0</v>
      </c>
      <c r="F16" s="523" t="s">
        <v>808</v>
      </c>
      <c r="G16" s="434">
        <v>774.35208</v>
      </c>
      <c r="H16" s="434">
        <v>0</v>
      </c>
      <c r="I16" s="434">
        <v>387.17604</v>
      </c>
    </row>
    <row r="17" spans="2:9" s="318" customFormat="1" ht="20.25" customHeight="1">
      <c r="B17" s="906"/>
      <c r="C17" s="421" t="s">
        <v>613</v>
      </c>
      <c r="D17" s="438">
        <v>13445.398918000001</v>
      </c>
      <c r="E17" s="438">
        <v>3350.50441</v>
      </c>
      <c r="F17" s="524" t="s">
        <v>808</v>
      </c>
      <c r="G17" s="438">
        <v>16795.903328</v>
      </c>
      <c r="H17" s="438">
        <v>0</v>
      </c>
      <c r="I17" s="438">
        <v>8397.9516640000002</v>
      </c>
    </row>
    <row r="18" spans="2:9" s="318" customFormat="1" ht="20.25" customHeight="1">
      <c r="B18" s="907" t="s">
        <v>40</v>
      </c>
      <c r="C18" s="525" t="s">
        <v>612</v>
      </c>
      <c r="D18" s="526">
        <v>247256.16220562003</v>
      </c>
      <c r="E18" s="526">
        <v>40438.879493603003</v>
      </c>
      <c r="F18" s="527"/>
      <c r="G18" s="526">
        <v>257952.428159061</v>
      </c>
      <c r="H18" s="526">
        <v>133143.0608603459</v>
      </c>
      <c r="I18" s="526">
        <v>1660.6224805230001</v>
      </c>
    </row>
    <row r="19" spans="2:9" s="318" customFormat="1" ht="20.25" customHeight="1" thickBot="1">
      <c r="B19" s="908"/>
      <c r="C19" s="528" t="s">
        <v>613</v>
      </c>
      <c r="D19" s="529">
        <v>524051.36876580602</v>
      </c>
      <c r="E19" s="529">
        <v>189004.29089999999</v>
      </c>
      <c r="F19" s="530"/>
      <c r="G19" s="529">
        <v>587869.081159806</v>
      </c>
      <c r="H19" s="529">
        <v>358966.19598560501</v>
      </c>
      <c r="I19" s="529">
        <v>11577.884868278001</v>
      </c>
    </row>
    <row r="20" spans="2:9" s="269" customFormat="1" ht="16.5"/>
    <row r="21" spans="2:9" s="130" customFormat="1"/>
  </sheetData>
  <mergeCells count="9">
    <mergeCell ref="B14:B15"/>
    <mergeCell ref="B16:B17"/>
    <mergeCell ref="B18:B19"/>
    <mergeCell ref="B12:B13"/>
    <mergeCell ref="B5:I5"/>
    <mergeCell ref="B6:B7"/>
    <mergeCell ref="C6:C7"/>
    <mergeCell ref="B8:B9"/>
    <mergeCell ref="B10:B11"/>
  </mergeCells>
  <hyperlinks>
    <hyperlink ref="K3" location="Índice!A1" display="Voltar ao Índice" xr:uid="{00000000-0004-0000-1D00-000000000000}"/>
  </hyperlinks>
  <pageMargins left="0.70866141732283472" right="0.70866141732283472" top="0.74803149606299213" bottom="0.74803149606299213" header="0.31496062992125984" footer="0.31496062992125984"/>
  <pageSetup paperSize="9" scale="55" fitToHeight="0" orientation="landscape" r:id="rId1"/>
  <headerFooter>
    <oddFooter>&amp;C1</oddFooter>
  </headerFooter>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sheetPr>
    <tabColor rgb="FFFF0000"/>
  </sheetPr>
  <dimension ref="B1:T20"/>
  <sheetViews>
    <sheetView showGridLines="0" zoomScaleNormal="100" zoomScalePageLayoutView="70" workbookViewId="0"/>
  </sheetViews>
  <sheetFormatPr defaultColWidth="9.140625" defaultRowHeight="18.75"/>
  <cols>
    <col min="1" max="1" width="4.7109375" style="9" customWidth="1"/>
    <col min="2" max="2" width="5.140625" style="9" customWidth="1"/>
    <col min="3" max="3" width="44.85546875" style="9" customWidth="1"/>
    <col min="4" max="16" width="12.28515625" style="9" customWidth="1"/>
    <col min="17" max="17" width="17.85546875" style="9" customWidth="1"/>
    <col min="18" max="18" width="12.28515625" style="9" customWidth="1"/>
    <col min="19" max="19" width="4.85546875" style="9" customWidth="1"/>
    <col min="20" max="20" width="13.140625" style="9" bestFit="1" customWidth="1"/>
    <col min="21" max="16384" width="9.140625" style="9"/>
  </cols>
  <sheetData>
    <row r="1" spans="2:20" ht="24">
      <c r="B1" s="130"/>
      <c r="C1" s="8" t="s">
        <v>669</v>
      </c>
      <c r="D1" s="347"/>
      <c r="E1" s="347"/>
      <c r="F1" s="347"/>
      <c r="G1" s="347"/>
      <c r="H1" s="347"/>
      <c r="I1" s="347"/>
      <c r="J1" s="347"/>
      <c r="K1" s="347"/>
      <c r="L1" s="347"/>
      <c r="M1" s="347"/>
      <c r="N1" s="347"/>
      <c r="O1" s="347"/>
      <c r="P1" s="347"/>
      <c r="Q1" s="347"/>
      <c r="R1" s="347"/>
      <c r="S1" s="347"/>
      <c r="T1" s="53" t="s">
        <v>945</v>
      </c>
    </row>
    <row r="2" spans="2:20" ht="18.600000000000001" customHeight="1">
      <c r="C2" s="513" t="s">
        <v>750</v>
      </c>
      <c r="T2" s="188"/>
    </row>
    <row r="3" spans="2:20">
      <c r="C3" s="514"/>
    </row>
    <row r="4" spans="2:20" s="238" customFormat="1" ht="20.100000000000001" customHeight="1">
      <c r="B4" s="93"/>
      <c r="C4" s="93"/>
      <c r="D4" s="348" t="s">
        <v>4</v>
      </c>
      <c r="E4" s="348" t="s">
        <v>5</v>
      </c>
      <c r="F4" s="348" t="s">
        <v>6</v>
      </c>
      <c r="G4" s="348" t="s">
        <v>41</v>
      </c>
      <c r="H4" s="348" t="s">
        <v>42</v>
      </c>
      <c r="I4" s="348" t="s">
        <v>94</v>
      </c>
      <c r="J4" s="348" t="s">
        <v>95</v>
      </c>
      <c r="K4" s="348" t="s">
        <v>96</v>
      </c>
      <c r="L4" s="348" t="s">
        <v>218</v>
      </c>
      <c r="M4" s="348" t="s">
        <v>219</v>
      </c>
      <c r="N4" s="348" t="s">
        <v>220</v>
      </c>
      <c r="O4" s="348" t="s">
        <v>221</v>
      </c>
      <c r="P4" s="348" t="s">
        <v>222</v>
      </c>
      <c r="Q4" s="348" t="s">
        <v>442</v>
      </c>
      <c r="R4" s="348" t="s">
        <v>443</v>
      </c>
      <c r="S4" s="9"/>
    </row>
    <row r="5" spans="2:20" s="49" customFormat="1" ht="20.100000000000001" customHeight="1">
      <c r="B5" s="349"/>
      <c r="C5" s="349"/>
      <c r="D5" s="913" t="s">
        <v>672</v>
      </c>
      <c r="E5" s="913"/>
      <c r="F5" s="913"/>
      <c r="G5" s="913"/>
      <c r="H5" s="913"/>
      <c r="I5" s="913"/>
      <c r="J5" s="913"/>
      <c r="K5" s="913" t="s">
        <v>673</v>
      </c>
      <c r="L5" s="913"/>
      <c r="M5" s="913"/>
      <c r="N5" s="913"/>
      <c r="O5" s="913" t="s">
        <v>674</v>
      </c>
      <c r="P5" s="913"/>
      <c r="Q5" s="913"/>
      <c r="R5" s="913"/>
      <c r="S5" s="448"/>
    </row>
    <row r="6" spans="2:20" s="49" customFormat="1" ht="20.100000000000001" customHeight="1">
      <c r="B6" s="349"/>
      <c r="C6" s="349"/>
      <c r="D6" s="914" t="s">
        <v>675</v>
      </c>
      <c r="E6" s="914"/>
      <c r="F6" s="914"/>
      <c r="G6" s="914"/>
      <c r="H6" s="914" t="s">
        <v>676</v>
      </c>
      <c r="I6" s="914"/>
      <c r="J6" s="515" t="s">
        <v>677</v>
      </c>
      <c r="K6" s="914" t="s">
        <v>675</v>
      </c>
      <c r="L6" s="914"/>
      <c r="M6" s="911" t="s">
        <v>676</v>
      </c>
      <c r="N6" s="515" t="s">
        <v>677</v>
      </c>
      <c r="O6" s="914" t="s">
        <v>675</v>
      </c>
      <c r="P6" s="914"/>
      <c r="Q6" s="911" t="s">
        <v>676</v>
      </c>
      <c r="R6" s="515" t="s">
        <v>677</v>
      </c>
      <c r="S6" s="446"/>
    </row>
    <row r="7" spans="2:20" s="49" customFormat="1" ht="20.100000000000001" customHeight="1">
      <c r="B7" s="349"/>
      <c r="C7" s="349"/>
      <c r="D7" s="914" t="s">
        <v>678</v>
      </c>
      <c r="E7" s="914"/>
      <c r="F7" s="914" t="s">
        <v>679</v>
      </c>
      <c r="G7" s="914"/>
      <c r="H7" s="911"/>
      <c r="I7" s="911" t="s">
        <v>680</v>
      </c>
      <c r="J7" s="911"/>
      <c r="K7" s="911" t="s">
        <v>678</v>
      </c>
      <c r="L7" s="911" t="s">
        <v>679</v>
      </c>
      <c r="M7" s="911"/>
      <c r="N7" s="911"/>
      <c r="O7" s="911" t="s">
        <v>678</v>
      </c>
      <c r="P7" s="911" t="s">
        <v>679</v>
      </c>
      <c r="Q7" s="911"/>
      <c r="R7" s="911"/>
      <c r="S7" s="446"/>
    </row>
    <row r="8" spans="2:20" s="49" customFormat="1" ht="20.100000000000001" customHeight="1" thickBot="1">
      <c r="B8" s="349"/>
      <c r="C8" s="349"/>
      <c r="D8" s="516"/>
      <c r="E8" s="516" t="s">
        <v>680</v>
      </c>
      <c r="F8" s="516"/>
      <c r="G8" s="516" t="s">
        <v>680</v>
      </c>
      <c r="H8" s="912"/>
      <c r="I8" s="912"/>
      <c r="J8" s="912"/>
      <c r="K8" s="912"/>
      <c r="L8" s="912"/>
      <c r="M8" s="912"/>
      <c r="N8" s="912"/>
      <c r="O8" s="912"/>
      <c r="P8" s="912"/>
      <c r="Q8" s="912"/>
      <c r="R8" s="912"/>
      <c r="S8" s="236"/>
    </row>
    <row r="9" spans="2:20" s="49" customFormat="1" ht="20.100000000000001" customHeight="1">
      <c r="B9" s="509">
        <v>1</v>
      </c>
      <c r="C9" s="510" t="s">
        <v>681</v>
      </c>
      <c r="D9" s="511">
        <v>162.63200000000001</v>
      </c>
      <c r="E9" s="517">
        <v>162.63200000000001</v>
      </c>
      <c r="F9" s="511">
        <v>0</v>
      </c>
      <c r="G9" s="517">
        <v>0</v>
      </c>
      <c r="H9" s="511">
        <v>5737163.5879999995</v>
      </c>
      <c r="I9" s="517">
        <v>5737163.5879999995</v>
      </c>
      <c r="J9" s="511">
        <v>5737326.2199999997</v>
      </c>
      <c r="K9" s="511">
        <v>0</v>
      </c>
      <c r="L9" s="511">
        <v>0</v>
      </c>
      <c r="M9" s="511">
        <v>0</v>
      </c>
      <c r="N9" s="511">
        <v>0</v>
      </c>
      <c r="O9" s="511">
        <v>0</v>
      </c>
      <c r="P9" s="511">
        <v>0</v>
      </c>
      <c r="Q9" s="511">
        <v>0</v>
      </c>
      <c r="R9" s="511">
        <v>0</v>
      </c>
      <c r="S9" s="518"/>
    </row>
    <row r="10" spans="2:20" s="49" customFormat="1" ht="20.100000000000001" customHeight="1">
      <c r="B10" s="495">
        <v>2</v>
      </c>
      <c r="C10" s="496" t="s">
        <v>682</v>
      </c>
      <c r="D10" s="519">
        <v>162.63200000000001</v>
      </c>
      <c r="E10" s="497">
        <v>162.63200000000001</v>
      </c>
      <c r="F10" s="519">
        <v>0</v>
      </c>
      <c r="G10" s="497">
        <v>0</v>
      </c>
      <c r="H10" s="519">
        <v>2091082.4210000001</v>
      </c>
      <c r="I10" s="497">
        <v>2091082.4210000001</v>
      </c>
      <c r="J10" s="519">
        <v>2091245.0530000001</v>
      </c>
      <c r="K10" s="519">
        <v>0</v>
      </c>
      <c r="L10" s="519">
        <v>0</v>
      </c>
      <c r="M10" s="519">
        <v>0</v>
      </c>
      <c r="N10" s="519">
        <v>0</v>
      </c>
      <c r="O10" s="519">
        <v>0</v>
      </c>
      <c r="P10" s="519">
        <v>0</v>
      </c>
      <c r="Q10" s="519">
        <v>0</v>
      </c>
      <c r="R10" s="519">
        <v>0</v>
      </c>
      <c r="S10" s="518"/>
    </row>
    <row r="11" spans="2:20" s="49" customFormat="1" ht="20.100000000000001" customHeight="1">
      <c r="B11" s="495">
        <v>3</v>
      </c>
      <c r="C11" s="498" t="s">
        <v>683</v>
      </c>
      <c r="D11" s="519">
        <v>0</v>
      </c>
      <c r="E11" s="497">
        <v>0</v>
      </c>
      <c r="F11" s="519">
        <v>0</v>
      </c>
      <c r="G11" s="497">
        <v>0</v>
      </c>
      <c r="H11" s="519">
        <v>2091082.4210000001</v>
      </c>
      <c r="I11" s="497">
        <v>2091082.4210000001</v>
      </c>
      <c r="J11" s="519">
        <v>2091082.4210000001</v>
      </c>
      <c r="K11" s="519">
        <v>0</v>
      </c>
      <c r="L11" s="519">
        <v>0</v>
      </c>
      <c r="M11" s="519">
        <v>0</v>
      </c>
      <c r="N11" s="519">
        <v>0</v>
      </c>
      <c r="O11" s="519">
        <v>0</v>
      </c>
      <c r="P11" s="519">
        <v>0</v>
      </c>
      <c r="Q11" s="519">
        <v>0</v>
      </c>
      <c r="R11" s="519">
        <v>0</v>
      </c>
      <c r="S11" s="518"/>
    </row>
    <row r="12" spans="2:20" s="49" customFormat="1" ht="20.100000000000001" customHeight="1">
      <c r="B12" s="495">
        <v>4</v>
      </c>
      <c r="C12" s="498" t="s">
        <v>684</v>
      </c>
      <c r="D12" s="519">
        <v>0</v>
      </c>
      <c r="E12" s="497">
        <v>0</v>
      </c>
      <c r="F12" s="519">
        <v>0</v>
      </c>
      <c r="G12" s="497">
        <v>0</v>
      </c>
      <c r="H12" s="519">
        <v>0</v>
      </c>
      <c r="I12" s="497">
        <v>0</v>
      </c>
      <c r="J12" s="519">
        <v>0</v>
      </c>
      <c r="K12" s="519">
        <v>0</v>
      </c>
      <c r="L12" s="519">
        <v>0</v>
      </c>
      <c r="M12" s="519">
        <v>0</v>
      </c>
      <c r="N12" s="519">
        <v>0</v>
      </c>
      <c r="O12" s="519">
        <v>0</v>
      </c>
      <c r="P12" s="519">
        <v>0</v>
      </c>
      <c r="Q12" s="519">
        <v>0</v>
      </c>
      <c r="R12" s="519">
        <v>0</v>
      </c>
      <c r="S12" s="518"/>
    </row>
    <row r="13" spans="2:20" s="49" customFormat="1" ht="20.100000000000001" customHeight="1">
      <c r="B13" s="495">
        <v>5</v>
      </c>
      <c r="C13" s="498" t="s">
        <v>685</v>
      </c>
      <c r="D13" s="519">
        <v>162.63200000000001</v>
      </c>
      <c r="E13" s="497">
        <v>162.63200000000001</v>
      </c>
      <c r="F13" s="519">
        <v>0</v>
      </c>
      <c r="G13" s="497">
        <v>0</v>
      </c>
      <c r="H13" s="519">
        <v>0</v>
      </c>
      <c r="I13" s="497">
        <v>0</v>
      </c>
      <c r="J13" s="519">
        <v>162.63200000000001</v>
      </c>
      <c r="K13" s="519">
        <v>0</v>
      </c>
      <c r="L13" s="519">
        <v>0</v>
      </c>
      <c r="M13" s="519">
        <v>0</v>
      </c>
      <c r="N13" s="519">
        <v>0</v>
      </c>
      <c r="O13" s="519">
        <v>0</v>
      </c>
      <c r="P13" s="519">
        <v>0</v>
      </c>
      <c r="Q13" s="519">
        <v>0</v>
      </c>
      <c r="R13" s="519">
        <v>0</v>
      </c>
      <c r="S13" s="518"/>
    </row>
    <row r="14" spans="2:20" s="49" customFormat="1" ht="20.100000000000001" customHeight="1">
      <c r="B14" s="495">
        <v>6</v>
      </c>
      <c r="C14" s="498" t="s">
        <v>686</v>
      </c>
      <c r="D14" s="519">
        <v>0</v>
      </c>
      <c r="E14" s="497">
        <v>0</v>
      </c>
      <c r="F14" s="519">
        <v>0</v>
      </c>
      <c r="G14" s="497">
        <v>0</v>
      </c>
      <c r="H14" s="519">
        <v>0</v>
      </c>
      <c r="I14" s="497">
        <v>0</v>
      </c>
      <c r="J14" s="519">
        <v>0</v>
      </c>
      <c r="K14" s="519">
        <v>0</v>
      </c>
      <c r="L14" s="519">
        <v>0</v>
      </c>
      <c r="M14" s="519">
        <v>0</v>
      </c>
      <c r="N14" s="519">
        <v>0</v>
      </c>
      <c r="O14" s="519">
        <v>0</v>
      </c>
      <c r="P14" s="519">
        <v>0</v>
      </c>
      <c r="Q14" s="519">
        <v>0</v>
      </c>
      <c r="R14" s="519">
        <v>0</v>
      </c>
      <c r="S14" s="518"/>
    </row>
    <row r="15" spans="2:20" s="49" customFormat="1" ht="20.100000000000001" customHeight="1">
      <c r="B15" s="495">
        <v>7</v>
      </c>
      <c r="C15" s="496" t="s">
        <v>687</v>
      </c>
      <c r="D15" s="519">
        <v>0</v>
      </c>
      <c r="E15" s="497">
        <v>0</v>
      </c>
      <c r="F15" s="519">
        <v>0</v>
      </c>
      <c r="G15" s="497">
        <v>0</v>
      </c>
      <c r="H15" s="519">
        <v>3646081.1669999999</v>
      </c>
      <c r="I15" s="497">
        <v>3646081.1669999999</v>
      </c>
      <c r="J15" s="519">
        <v>3646081.1669999999</v>
      </c>
      <c r="K15" s="519">
        <v>0</v>
      </c>
      <c r="L15" s="519">
        <v>0</v>
      </c>
      <c r="M15" s="519">
        <v>0</v>
      </c>
      <c r="N15" s="519">
        <v>0</v>
      </c>
      <c r="O15" s="519">
        <v>0</v>
      </c>
      <c r="P15" s="519">
        <v>0</v>
      </c>
      <c r="Q15" s="519">
        <v>0</v>
      </c>
      <c r="R15" s="519">
        <v>0</v>
      </c>
      <c r="S15" s="518"/>
    </row>
    <row r="16" spans="2:20" s="49" customFormat="1" ht="20.100000000000001" customHeight="1">
      <c r="B16" s="495">
        <v>8</v>
      </c>
      <c r="C16" s="498" t="s">
        <v>688</v>
      </c>
      <c r="D16" s="519">
        <v>0</v>
      </c>
      <c r="E16" s="497">
        <v>0</v>
      </c>
      <c r="F16" s="519">
        <v>0</v>
      </c>
      <c r="G16" s="497">
        <v>0</v>
      </c>
      <c r="H16" s="519">
        <v>1441260.054</v>
      </c>
      <c r="I16" s="497">
        <v>1441260.054</v>
      </c>
      <c r="J16" s="519">
        <v>1441260.054</v>
      </c>
      <c r="K16" s="519">
        <v>0</v>
      </c>
      <c r="L16" s="519">
        <v>0</v>
      </c>
      <c r="M16" s="519">
        <v>0</v>
      </c>
      <c r="N16" s="519">
        <v>0</v>
      </c>
      <c r="O16" s="519">
        <v>0</v>
      </c>
      <c r="P16" s="519">
        <v>0</v>
      </c>
      <c r="Q16" s="519">
        <v>0</v>
      </c>
      <c r="R16" s="519">
        <v>0</v>
      </c>
      <c r="S16" s="518"/>
    </row>
    <row r="17" spans="2:18" s="49" customFormat="1" ht="20.100000000000001" customHeight="1">
      <c r="B17" s="495">
        <v>9</v>
      </c>
      <c r="C17" s="498" t="s">
        <v>689</v>
      </c>
      <c r="D17" s="519">
        <v>0</v>
      </c>
      <c r="E17" s="497">
        <v>0</v>
      </c>
      <c r="F17" s="519">
        <v>0</v>
      </c>
      <c r="G17" s="497">
        <v>0</v>
      </c>
      <c r="H17" s="519">
        <v>2204821.1129999999</v>
      </c>
      <c r="I17" s="497">
        <v>2204821.1129999999</v>
      </c>
      <c r="J17" s="519">
        <v>2204821.1129999999</v>
      </c>
      <c r="K17" s="519">
        <v>0</v>
      </c>
      <c r="L17" s="519">
        <v>0</v>
      </c>
      <c r="M17" s="519">
        <v>0</v>
      </c>
      <c r="N17" s="519">
        <v>0</v>
      </c>
      <c r="O17" s="519">
        <v>0</v>
      </c>
      <c r="P17" s="519">
        <v>0</v>
      </c>
      <c r="Q17" s="519">
        <v>0</v>
      </c>
      <c r="R17" s="519">
        <v>0</v>
      </c>
    </row>
    <row r="18" spans="2:18" s="49" customFormat="1" ht="20.100000000000001" customHeight="1">
      <c r="B18" s="495">
        <v>10</v>
      </c>
      <c r="C18" s="498" t="s">
        <v>690</v>
      </c>
      <c r="D18" s="519">
        <v>0</v>
      </c>
      <c r="E18" s="497">
        <v>0</v>
      </c>
      <c r="F18" s="519">
        <v>0</v>
      </c>
      <c r="G18" s="497">
        <v>0</v>
      </c>
      <c r="H18" s="519">
        <v>0</v>
      </c>
      <c r="I18" s="497">
        <v>0</v>
      </c>
      <c r="J18" s="519">
        <v>0</v>
      </c>
      <c r="K18" s="519">
        <v>0</v>
      </c>
      <c r="L18" s="519">
        <v>0</v>
      </c>
      <c r="M18" s="519">
        <v>0</v>
      </c>
      <c r="N18" s="519">
        <v>0</v>
      </c>
      <c r="O18" s="519">
        <v>0</v>
      </c>
      <c r="P18" s="519">
        <v>0</v>
      </c>
      <c r="Q18" s="519">
        <v>0</v>
      </c>
      <c r="R18" s="519">
        <v>0</v>
      </c>
    </row>
    <row r="19" spans="2:18" s="49" customFormat="1" ht="20.100000000000001" customHeight="1">
      <c r="B19" s="495">
        <v>11</v>
      </c>
      <c r="C19" s="498" t="s">
        <v>691</v>
      </c>
      <c r="D19" s="519">
        <v>0</v>
      </c>
      <c r="E19" s="497">
        <v>0</v>
      </c>
      <c r="F19" s="519">
        <v>0</v>
      </c>
      <c r="G19" s="497">
        <v>0</v>
      </c>
      <c r="H19" s="519">
        <v>0</v>
      </c>
      <c r="I19" s="497">
        <v>0</v>
      </c>
      <c r="J19" s="519">
        <v>0</v>
      </c>
      <c r="K19" s="519">
        <v>0</v>
      </c>
      <c r="L19" s="519">
        <v>0</v>
      </c>
      <c r="M19" s="519">
        <v>0</v>
      </c>
      <c r="N19" s="519">
        <v>0</v>
      </c>
      <c r="O19" s="519">
        <v>0</v>
      </c>
      <c r="P19" s="519">
        <v>0</v>
      </c>
      <c r="Q19" s="519">
        <v>0</v>
      </c>
      <c r="R19" s="519">
        <v>0</v>
      </c>
    </row>
    <row r="20" spans="2:18" s="49" customFormat="1" ht="20.100000000000001" customHeight="1" thickBot="1">
      <c r="B20" s="499">
        <v>12</v>
      </c>
      <c r="C20" s="500" t="s">
        <v>686</v>
      </c>
      <c r="D20" s="512">
        <v>0</v>
      </c>
      <c r="E20" s="501">
        <v>0</v>
      </c>
      <c r="F20" s="512">
        <v>0</v>
      </c>
      <c r="G20" s="501">
        <v>0</v>
      </c>
      <c r="H20" s="512">
        <v>0</v>
      </c>
      <c r="I20" s="501">
        <v>0</v>
      </c>
      <c r="J20" s="512">
        <v>0</v>
      </c>
      <c r="K20" s="512">
        <v>0</v>
      </c>
      <c r="L20" s="512">
        <v>0</v>
      </c>
      <c r="M20" s="512">
        <v>0</v>
      </c>
      <c r="N20" s="512">
        <v>0</v>
      </c>
      <c r="O20" s="512">
        <v>0</v>
      </c>
      <c r="P20" s="512">
        <v>0</v>
      </c>
      <c r="Q20" s="512">
        <v>0</v>
      </c>
      <c r="R20" s="512">
        <v>0</v>
      </c>
    </row>
  </sheetData>
  <mergeCells count="20">
    <mergeCell ref="P7:P8"/>
    <mergeCell ref="R7:R8"/>
    <mergeCell ref="K7:K8"/>
    <mergeCell ref="D5:J5"/>
    <mergeCell ref="K5:N5"/>
    <mergeCell ref="O5:R5"/>
    <mergeCell ref="D6:G6"/>
    <mergeCell ref="H6:I6"/>
    <mergeCell ref="K6:L6"/>
    <mergeCell ref="M6:M8"/>
    <mergeCell ref="O6:P6"/>
    <mergeCell ref="Q6:Q8"/>
    <mergeCell ref="D7:E7"/>
    <mergeCell ref="F7:G7"/>
    <mergeCell ref="H7:H8"/>
    <mergeCell ref="I7:I8"/>
    <mergeCell ref="J7:J8"/>
    <mergeCell ref="L7:L8"/>
    <mergeCell ref="N7:N8"/>
    <mergeCell ref="O7:O8"/>
  </mergeCells>
  <hyperlinks>
    <hyperlink ref="T2" location="Índice!A1" display="Voltar ao Índice" xr:uid="{00000000-0004-0000-1E00-000000000000}"/>
    <hyperlink ref="T1" location="Índice!A1" display="Voltar ao Índice" xr:uid="{00000000-0004-0000-1E00-000001000000}"/>
  </hyperlinks>
  <pageMargins left="0.70866141732283472" right="0.70866141732283472" top="0.74803149606299213" bottom="0.74803149606299213" header="0.31496062992125984" footer="0.31496062992125984"/>
  <pageSetup paperSize="9" scale="48" orientation="landscape" r:id="rId1"/>
  <headerFooter>
    <oddFooter>&amp;C1</oddFooter>
  </headerFooter>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F00-000000000000}">
  <sheetPr>
    <tabColor rgb="FFFF0000"/>
  </sheetPr>
  <dimension ref="B1:V19"/>
  <sheetViews>
    <sheetView showGridLines="0" zoomScaleNormal="100" zoomScalePageLayoutView="70" workbookViewId="0"/>
  </sheetViews>
  <sheetFormatPr defaultColWidth="9.140625" defaultRowHeight="18.75"/>
  <cols>
    <col min="1" max="1" width="4.7109375" style="9" customWidth="1"/>
    <col min="2" max="2" width="5.140625" style="9" customWidth="1"/>
    <col min="3" max="3" width="23.140625" style="9" customWidth="1"/>
    <col min="4" max="20" width="13.85546875" style="9" customWidth="1"/>
    <col min="21" max="21" width="9" style="9" customWidth="1"/>
    <col min="22" max="22" width="13.140625" style="9" bestFit="1" customWidth="1"/>
    <col min="23" max="16384" width="9.140625" style="9"/>
  </cols>
  <sheetData>
    <row r="1" spans="2:22" ht="24">
      <c r="C1" s="8" t="s">
        <v>670</v>
      </c>
      <c r="V1" s="53" t="s">
        <v>945</v>
      </c>
    </row>
    <row r="2" spans="2:22" ht="18.600000000000001" customHeight="1">
      <c r="C2" s="262" t="s">
        <v>750</v>
      </c>
      <c r="D2" s="502"/>
      <c r="E2" s="502"/>
      <c r="F2" s="502"/>
      <c r="G2" s="502"/>
      <c r="H2" s="502"/>
      <c r="I2" s="502"/>
      <c r="J2" s="502"/>
      <c r="K2" s="502"/>
      <c r="L2" s="503"/>
      <c r="M2" s="503"/>
    </row>
    <row r="3" spans="2:22" s="238" customFormat="1" ht="16.5"/>
    <row r="4" spans="2:22" s="269" customFormat="1" ht="20.100000000000001" customHeight="1">
      <c r="D4" s="348" t="s">
        <v>4</v>
      </c>
      <c r="E4" s="348" t="s">
        <v>5</v>
      </c>
      <c r="F4" s="348" t="s">
        <v>6</v>
      </c>
      <c r="G4" s="348" t="s">
        <v>41</v>
      </c>
      <c r="H4" s="348" t="s">
        <v>42</v>
      </c>
      <c r="I4" s="348" t="s">
        <v>94</v>
      </c>
      <c r="J4" s="348" t="s">
        <v>95</v>
      </c>
      <c r="K4" s="348" t="s">
        <v>96</v>
      </c>
      <c r="L4" s="348" t="s">
        <v>218</v>
      </c>
      <c r="M4" s="348" t="s">
        <v>219</v>
      </c>
      <c r="N4" s="348" t="s">
        <v>220</v>
      </c>
      <c r="O4" s="348" t="s">
        <v>221</v>
      </c>
      <c r="P4" s="348" t="s">
        <v>222</v>
      </c>
      <c r="Q4" s="348" t="s">
        <v>442</v>
      </c>
      <c r="R4" s="348" t="s">
        <v>443</v>
      </c>
      <c r="S4" s="348" t="s">
        <v>579</v>
      </c>
      <c r="T4" s="348" t="s">
        <v>580</v>
      </c>
      <c r="U4" s="348"/>
    </row>
    <row r="5" spans="2:22" s="316" customFormat="1" ht="48.75" customHeight="1">
      <c r="B5" s="93"/>
      <c r="C5" s="93"/>
      <c r="D5" s="915" t="s">
        <v>692</v>
      </c>
      <c r="E5" s="916"/>
      <c r="F5" s="916"/>
      <c r="G5" s="916"/>
      <c r="H5" s="916"/>
      <c r="I5" s="916" t="s">
        <v>693</v>
      </c>
      <c r="J5" s="916"/>
      <c r="K5" s="916"/>
      <c r="L5" s="916"/>
      <c r="M5" s="917" t="s">
        <v>694</v>
      </c>
      <c r="N5" s="917"/>
      <c r="O5" s="917"/>
      <c r="P5" s="917"/>
      <c r="Q5" s="917" t="s">
        <v>695</v>
      </c>
      <c r="R5" s="917"/>
      <c r="S5" s="917"/>
      <c r="T5" s="918"/>
      <c r="U5" s="414"/>
    </row>
    <row r="6" spans="2:22" s="316" customFormat="1" ht="33.75" thickBot="1">
      <c r="B6" s="93"/>
      <c r="C6" s="93"/>
      <c r="D6" s="504" t="s">
        <v>696</v>
      </c>
      <c r="E6" s="505" t="s">
        <v>697</v>
      </c>
      <c r="F6" s="505" t="s">
        <v>698</v>
      </c>
      <c r="G6" s="505" t="s">
        <v>699</v>
      </c>
      <c r="H6" s="505" t="s">
        <v>700</v>
      </c>
      <c r="I6" s="505" t="s">
        <v>701</v>
      </c>
      <c r="J6" s="505" t="s">
        <v>702</v>
      </c>
      <c r="K6" s="505" t="s">
        <v>703</v>
      </c>
      <c r="L6" s="506" t="s">
        <v>704</v>
      </c>
      <c r="M6" s="505" t="s">
        <v>701</v>
      </c>
      <c r="N6" s="505" t="s">
        <v>702</v>
      </c>
      <c r="O6" s="505" t="s">
        <v>703</v>
      </c>
      <c r="P6" s="506" t="s">
        <v>705</v>
      </c>
      <c r="Q6" s="505" t="s">
        <v>701</v>
      </c>
      <c r="R6" s="505" t="s">
        <v>702</v>
      </c>
      <c r="S6" s="505" t="s">
        <v>703</v>
      </c>
      <c r="T6" s="507" t="s">
        <v>705</v>
      </c>
      <c r="U6" s="508"/>
    </row>
    <row r="7" spans="2:22" s="452" customFormat="1" ht="20.100000000000001" customHeight="1">
      <c r="B7" s="509">
        <v>1</v>
      </c>
      <c r="C7" s="510" t="s">
        <v>681</v>
      </c>
      <c r="D7" s="511">
        <v>5737326.2200000007</v>
      </c>
      <c r="E7" s="511">
        <v>0</v>
      </c>
      <c r="F7" s="511">
        <v>0</v>
      </c>
      <c r="G7" s="511">
        <v>0</v>
      </c>
      <c r="H7" s="511">
        <v>0</v>
      </c>
      <c r="I7" s="511">
        <v>5737326.2200000007</v>
      </c>
      <c r="J7" s="511">
        <v>0</v>
      </c>
      <c r="K7" s="511">
        <v>0</v>
      </c>
      <c r="L7" s="511">
        <v>0</v>
      </c>
      <c r="M7" s="511">
        <v>672944.50745000003</v>
      </c>
      <c r="N7" s="511">
        <v>0</v>
      </c>
      <c r="O7" s="511">
        <v>0</v>
      </c>
      <c r="P7" s="511">
        <v>0</v>
      </c>
      <c r="Q7" s="511">
        <v>53835.560595999996</v>
      </c>
      <c r="R7" s="511">
        <v>0</v>
      </c>
      <c r="S7" s="511">
        <v>0</v>
      </c>
      <c r="T7" s="511">
        <v>0</v>
      </c>
      <c r="U7" s="494"/>
    </row>
    <row r="8" spans="2:22" s="452" customFormat="1" ht="20.100000000000001" customHeight="1">
      <c r="B8" s="495">
        <v>2</v>
      </c>
      <c r="C8" s="496" t="s">
        <v>706</v>
      </c>
      <c r="D8" s="493">
        <v>162.63200000000001</v>
      </c>
      <c r="E8" s="493">
        <v>0</v>
      </c>
      <c r="F8" s="493">
        <v>0</v>
      </c>
      <c r="G8" s="493">
        <v>0</v>
      </c>
      <c r="H8" s="493">
        <v>0</v>
      </c>
      <c r="I8" s="493">
        <v>162.63200000000001</v>
      </c>
      <c r="J8" s="493">
        <v>0</v>
      </c>
      <c r="K8" s="493">
        <v>0</v>
      </c>
      <c r="L8" s="493">
        <v>0</v>
      </c>
      <c r="M8" s="493">
        <v>16.263200000000001</v>
      </c>
      <c r="N8" s="493">
        <v>0</v>
      </c>
      <c r="O8" s="493">
        <v>0</v>
      </c>
      <c r="P8" s="493">
        <v>0</v>
      </c>
      <c r="Q8" s="493">
        <v>1.3010560000000002</v>
      </c>
      <c r="R8" s="493">
        <v>0</v>
      </c>
      <c r="S8" s="493">
        <v>0</v>
      </c>
      <c r="T8" s="493">
        <v>0</v>
      </c>
      <c r="U8" s="494"/>
    </row>
    <row r="9" spans="2:22" s="452" customFormat="1" ht="20.100000000000001" customHeight="1">
      <c r="B9" s="495">
        <v>3</v>
      </c>
      <c r="C9" s="498" t="s">
        <v>707</v>
      </c>
      <c r="D9" s="493">
        <v>162.63200000000001</v>
      </c>
      <c r="E9" s="493">
        <v>0</v>
      </c>
      <c r="F9" s="493">
        <v>0</v>
      </c>
      <c r="G9" s="493">
        <v>0</v>
      </c>
      <c r="H9" s="493">
        <v>0</v>
      </c>
      <c r="I9" s="493">
        <v>162.63200000000001</v>
      </c>
      <c r="J9" s="493">
        <v>0</v>
      </c>
      <c r="K9" s="493">
        <v>0</v>
      </c>
      <c r="L9" s="493">
        <v>0</v>
      </c>
      <c r="M9" s="493">
        <v>16.263200000000001</v>
      </c>
      <c r="N9" s="493">
        <v>0</v>
      </c>
      <c r="O9" s="493">
        <v>0</v>
      </c>
      <c r="P9" s="493">
        <v>0</v>
      </c>
      <c r="Q9" s="493">
        <v>1.3010560000000002</v>
      </c>
      <c r="R9" s="493">
        <v>0</v>
      </c>
      <c r="S9" s="493">
        <v>0</v>
      </c>
      <c r="T9" s="493">
        <v>0</v>
      </c>
      <c r="U9" s="494"/>
    </row>
    <row r="10" spans="2:22" s="452" customFormat="1" ht="20.100000000000001" customHeight="1">
      <c r="B10" s="495">
        <v>4</v>
      </c>
      <c r="C10" s="498" t="s">
        <v>708</v>
      </c>
      <c r="D10" s="493">
        <v>162.63200000000001</v>
      </c>
      <c r="E10" s="493">
        <v>0</v>
      </c>
      <c r="F10" s="493">
        <v>0</v>
      </c>
      <c r="G10" s="493">
        <v>0</v>
      </c>
      <c r="H10" s="493">
        <v>0</v>
      </c>
      <c r="I10" s="493">
        <v>162.63200000000001</v>
      </c>
      <c r="J10" s="493">
        <v>0</v>
      </c>
      <c r="K10" s="493">
        <v>0</v>
      </c>
      <c r="L10" s="493">
        <v>0</v>
      </c>
      <c r="M10" s="493">
        <v>16.263200000000001</v>
      </c>
      <c r="N10" s="493">
        <v>0</v>
      </c>
      <c r="O10" s="493">
        <v>0</v>
      </c>
      <c r="P10" s="493">
        <v>0</v>
      </c>
      <c r="Q10" s="493">
        <v>1.3010560000000002</v>
      </c>
      <c r="R10" s="493">
        <v>0</v>
      </c>
      <c r="S10" s="493">
        <v>0</v>
      </c>
      <c r="T10" s="493">
        <v>0</v>
      </c>
      <c r="U10" s="494"/>
    </row>
    <row r="11" spans="2:22" s="452" customFormat="1" ht="20.100000000000001" customHeight="1">
      <c r="B11" s="495">
        <v>5</v>
      </c>
      <c r="C11" s="498" t="s">
        <v>709</v>
      </c>
      <c r="D11" s="493">
        <v>162.63200000000001</v>
      </c>
      <c r="E11" s="493">
        <v>0</v>
      </c>
      <c r="F11" s="493">
        <v>0</v>
      </c>
      <c r="G11" s="493">
        <v>0</v>
      </c>
      <c r="H11" s="493">
        <v>0</v>
      </c>
      <c r="I11" s="493">
        <v>162.63200000000001</v>
      </c>
      <c r="J11" s="493">
        <v>0</v>
      </c>
      <c r="K11" s="493">
        <v>0</v>
      </c>
      <c r="L11" s="493">
        <v>0</v>
      </c>
      <c r="M11" s="493">
        <v>16.263200000000001</v>
      </c>
      <c r="N11" s="493">
        <v>0</v>
      </c>
      <c r="O11" s="493">
        <v>0</v>
      </c>
      <c r="P11" s="493">
        <v>0</v>
      </c>
      <c r="Q11" s="493">
        <v>1.3010560000000002</v>
      </c>
      <c r="R11" s="493">
        <v>0</v>
      </c>
      <c r="S11" s="493">
        <v>0</v>
      </c>
      <c r="T11" s="493">
        <v>0</v>
      </c>
      <c r="U11" s="494"/>
    </row>
    <row r="12" spans="2:22" s="452" customFormat="1" ht="20.100000000000001" customHeight="1">
      <c r="B12" s="495">
        <v>6</v>
      </c>
      <c r="C12" s="498" t="s">
        <v>710</v>
      </c>
      <c r="D12" s="493">
        <v>0</v>
      </c>
      <c r="E12" s="493">
        <v>0</v>
      </c>
      <c r="F12" s="493">
        <v>0</v>
      </c>
      <c r="G12" s="493">
        <v>0</v>
      </c>
      <c r="H12" s="493">
        <v>0</v>
      </c>
      <c r="I12" s="493">
        <v>0</v>
      </c>
      <c r="J12" s="493">
        <v>0</v>
      </c>
      <c r="K12" s="493">
        <v>0</v>
      </c>
      <c r="L12" s="493">
        <v>0</v>
      </c>
      <c r="M12" s="493">
        <v>0</v>
      </c>
      <c r="N12" s="493">
        <v>0</v>
      </c>
      <c r="O12" s="493">
        <v>0</v>
      </c>
      <c r="P12" s="493">
        <v>0</v>
      </c>
      <c r="Q12" s="493">
        <v>0</v>
      </c>
      <c r="R12" s="493">
        <v>0</v>
      </c>
      <c r="S12" s="493">
        <v>0</v>
      </c>
      <c r="T12" s="493">
        <v>0</v>
      </c>
      <c r="U12" s="494"/>
    </row>
    <row r="13" spans="2:22" s="452" customFormat="1" ht="20.100000000000001" customHeight="1">
      <c r="B13" s="495">
        <v>7</v>
      </c>
      <c r="C13" s="496" t="s">
        <v>709</v>
      </c>
      <c r="D13" s="493">
        <v>0</v>
      </c>
      <c r="E13" s="493">
        <v>0</v>
      </c>
      <c r="F13" s="493">
        <v>0</v>
      </c>
      <c r="G13" s="493">
        <v>0</v>
      </c>
      <c r="H13" s="493">
        <v>0</v>
      </c>
      <c r="I13" s="493">
        <v>0</v>
      </c>
      <c r="J13" s="493">
        <v>0</v>
      </c>
      <c r="K13" s="493">
        <v>0</v>
      </c>
      <c r="L13" s="493">
        <v>0</v>
      </c>
      <c r="M13" s="493">
        <v>0</v>
      </c>
      <c r="N13" s="493">
        <v>0</v>
      </c>
      <c r="O13" s="493">
        <v>0</v>
      </c>
      <c r="P13" s="493">
        <v>0</v>
      </c>
      <c r="Q13" s="493">
        <v>0</v>
      </c>
      <c r="R13" s="493">
        <v>0</v>
      </c>
      <c r="S13" s="493">
        <v>0</v>
      </c>
      <c r="T13" s="493">
        <v>0</v>
      </c>
      <c r="U13" s="494"/>
    </row>
    <row r="14" spans="2:22" s="452" customFormat="1" ht="20.100000000000001" customHeight="1">
      <c r="B14" s="495">
        <v>8</v>
      </c>
      <c r="C14" s="498" t="s">
        <v>711</v>
      </c>
      <c r="D14" s="493">
        <v>0</v>
      </c>
      <c r="E14" s="493">
        <v>0</v>
      </c>
      <c r="F14" s="493">
        <v>0</v>
      </c>
      <c r="G14" s="493">
        <v>0</v>
      </c>
      <c r="H14" s="493">
        <v>0</v>
      </c>
      <c r="I14" s="493">
        <v>0</v>
      </c>
      <c r="J14" s="493">
        <v>0</v>
      </c>
      <c r="K14" s="493">
        <v>0</v>
      </c>
      <c r="L14" s="493">
        <v>0</v>
      </c>
      <c r="M14" s="493">
        <v>0</v>
      </c>
      <c r="N14" s="493">
        <v>0</v>
      </c>
      <c r="O14" s="493">
        <v>0</v>
      </c>
      <c r="P14" s="493">
        <v>0</v>
      </c>
      <c r="Q14" s="493">
        <v>0</v>
      </c>
      <c r="R14" s="493">
        <v>0</v>
      </c>
      <c r="S14" s="493">
        <v>0</v>
      </c>
      <c r="T14" s="493">
        <v>0</v>
      </c>
      <c r="U14" s="494"/>
    </row>
    <row r="15" spans="2:22" s="452" customFormat="1" ht="20.100000000000001" customHeight="1">
      <c r="B15" s="495">
        <v>9</v>
      </c>
      <c r="C15" s="498" t="s">
        <v>712</v>
      </c>
      <c r="D15" s="493">
        <v>5737163.5880000005</v>
      </c>
      <c r="E15" s="493">
        <v>0</v>
      </c>
      <c r="F15" s="493">
        <v>0</v>
      </c>
      <c r="G15" s="493">
        <v>0</v>
      </c>
      <c r="H15" s="493">
        <v>0</v>
      </c>
      <c r="I15" s="493">
        <v>5737163.5880000005</v>
      </c>
      <c r="J15" s="493">
        <v>0</v>
      </c>
      <c r="K15" s="493">
        <v>0</v>
      </c>
      <c r="L15" s="493">
        <v>0</v>
      </c>
      <c r="M15" s="493">
        <v>672928.24424999999</v>
      </c>
      <c r="N15" s="493">
        <v>0</v>
      </c>
      <c r="O15" s="493">
        <v>0</v>
      </c>
      <c r="P15" s="493">
        <v>0</v>
      </c>
      <c r="Q15" s="493">
        <v>53834.259539999999</v>
      </c>
      <c r="R15" s="493">
        <v>0</v>
      </c>
      <c r="S15" s="493">
        <v>0</v>
      </c>
      <c r="T15" s="493">
        <v>0</v>
      </c>
      <c r="U15" s="494"/>
    </row>
    <row r="16" spans="2:22" s="452" customFormat="1" ht="20.100000000000001" customHeight="1">
      <c r="B16" s="495">
        <v>10</v>
      </c>
      <c r="C16" s="498" t="s">
        <v>707</v>
      </c>
      <c r="D16" s="493">
        <v>5737163.5880000005</v>
      </c>
      <c r="E16" s="493">
        <v>0</v>
      </c>
      <c r="F16" s="493">
        <v>0</v>
      </c>
      <c r="G16" s="493">
        <v>0</v>
      </c>
      <c r="H16" s="493">
        <v>0</v>
      </c>
      <c r="I16" s="493">
        <v>5737163.5880000005</v>
      </c>
      <c r="J16" s="493">
        <v>0</v>
      </c>
      <c r="K16" s="493">
        <v>0</v>
      </c>
      <c r="L16" s="493">
        <v>0</v>
      </c>
      <c r="M16" s="493">
        <v>672928.24424999999</v>
      </c>
      <c r="N16" s="493">
        <v>0</v>
      </c>
      <c r="O16" s="493">
        <v>0</v>
      </c>
      <c r="P16" s="493">
        <v>0</v>
      </c>
      <c r="Q16" s="493">
        <v>53834.259539999999</v>
      </c>
      <c r="R16" s="493">
        <v>0</v>
      </c>
      <c r="S16" s="493">
        <v>0</v>
      </c>
      <c r="T16" s="493">
        <v>0</v>
      </c>
      <c r="U16" s="494"/>
    </row>
    <row r="17" spans="2:20" s="452" customFormat="1" ht="20.100000000000001" customHeight="1">
      <c r="B17" s="495">
        <v>11</v>
      </c>
      <c r="C17" s="498" t="s">
        <v>713</v>
      </c>
      <c r="D17" s="493">
        <v>2091082.4210000001</v>
      </c>
      <c r="E17" s="493">
        <v>0</v>
      </c>
      <c r="F17" s="493">
        <v>0</v>
      </c>
      <c r="G17" s="493">
        <v>0</v>
      </c>
      <c r="H17" s="493">
        <v>0</v>
      </c>
      <c r="I17" s="493">
        <v>2091082.4210000001</v>
      </c>
      <c r="J17" s="493">
        <v>0</v>
      </c>
      <c r="K17" s="493">
        <v>0</v>
      </c>
      <c r="L17" s="493">
        <v>0</v>
      </c>
      <c r="M17" s="493">
        <v>313380.08224999998</v>
      </c>
      <c r="N17" s="493">
        <v>0</v>
      </c>
      <c r="O17" s="493">
        <v>0</v>
      </c>
      <c r="P17" s="493">
        <v>0</v>
      </c>
      <c r="Q17" s="493">
        <v>25070.406579999999</v>
      </c>
      <c r="R17" s="493">
        <v>0</v>
      </c>
      <c r="S17" s="493">
        <v>0</v>
      </c>
      <c r="T17" s="493">
        <v>0</v>
      </c>
    </row>
    <row r="18" spans="2:20" s="452" customFormat="1" ht="20.100000000000001" customHeight="1">
      <c r="B18" s="495">
        <v>12</v>
      </c>
      <c r="C18" s="498" t="s">
        <v>710</v>
      </c>
      <c r="D18" s="493">
        <v>3646081.1670000004</v>
      </c>
      <c r="E18" s="493">
        <v>0</v>
      </c>
      <c r="F18" s="493">
        <v>0</v>
      </c>
      <c r="G18" s="493">
        <v>0</v>
      </c>
      <c r="H18" s="493">
        <v>0</v>
      </c>
      <c r="I18" s="493">
        <v>3646081.1670000004</v>
      </c>
      <c r="J18" s="493">
        <v>0</v>
      </c>
      <c r="K18" s="493">
        <v>0</v>
      </c>
      <c r="L18" s="493">
        <v>0</v>
      </c>
      <c r="M18" s="493">
        <v>359548.16200000001</v>
      </c>
      <c r="N18" s="493">
        <v>0</v>
      </c>
      <c r="O18" s="493">
        <v>0</v>
      </c>
      <c r="P18" s="493">
        <v>0</v>
      </c>
      <c r="Q18" s="493">
        <v>28763.85296</v>
      </c>
      <c r="R18" s="493">
        <v>0</v>
      </c>
      <c r="S18" s="493">
        <v>0</v>
      </c>
      <c r="T18" s="493">
        <v>0</v>
      </c>
    </row>
    <row r="19" spans="2:20" s="452" customFormat="1" ht="20.100000000000001" customHeight="1" thickBot="1">
      <c r="B19" s="499">
        <v>13</v>
      </c>
      <c r="C19" s="500" t="s">
        <v>711</v>
      </c>
      <c r="D19" s="512">
        <v>0</v>
      </c>
      <c r="E19" s="512">
        <v>0</v>
      </c>
      <c r="F19" s="512">
        <v>0</v>
      </c>
      <c r="G19" s="512">
        <v>0</v>
      </c>
      <c r="H19" s="512">
        <v>0</v>
      </c>
      <c r="I19" s="512">
        <v>0</v>
      </c>
      <c r="J19" s="512">
        <v>0</v>
      </c>
      <c r="K19" s="512">
        <v>0</v>
      </c>
      <c r="L19" s="512">
        <v>0</v>
      </c>
      <c r="M19" s="512">
        <v>0</v>
      </c>
      <c r="N19" s="512">
        <v>0</v>
      </c>
      <c r="O19" s="512">
        <v>0</v>
      </c>
      <c r="P19" s="512">
        <v>0</v>
      </c>
      <c r="Q19" s="512">
        <v>0</v>
      </c>
      <c r="R19" s="512">
        <v>0</v>
      </c>
      <c r="S19" s="512">
        <v>0</v>
      </c>
      <c r="T19" s="512">
        <v>0</v>
      </c>
    </row>
  </sheetData>
  <mergeCells count="4">
    <mergeCell ref="D5:H5"/>
    <mergeCell ref="I5:L5"/>
    <mergeCell ref="M5:P5"/>
    <mergeCell ref="Q5:T5"/>
  </mergeCells>
  <hyperlinks>
    <hyperlink ref="V1" location="Índice!A1" display="Voltar ao Índice" xr:uid="{00000000-0004-0000-1F00-000000000000}"/>
  </hyperlinks>
  <pageMargins left="0.70866141732283472" right="0.70866141732283472" top="0.74803149606299213" bottom="0.74803149606299213" header="0.31496062992125984" footer="0.31496062992125984"/>
  <pageSetup paperSize="9" scale="43" orientation="landscape" r:id="rId1"/>
  <headerFooter>
    <oddFooter>&amp;C1</oddFooter>
  </headerFooter>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000-000000000000}">
  <sheetPr>
    <tabColor rgb="FFFF0000"/>
  </sheetPr>
  <dimension ref="B1:V19"/>
  <sheetViews>
    <sheetView showGridLines="0" zoomScaleNormal="100" zoomScalePageLayoutView="70" workbookViewId="0"/>
  </sheetViews>
  <sheetFormatPr defaultColWidth="9.140625" defaultRowHeight="18.75"/>
  <cols>
    <col min="1" max="1" width="4.7109375" style="9" customWidth="1"/>
    <col min="2" max="2" width="4.5703125" style="9" customWidth="1"/>
    <col min="3" max="3" width="21" style="9" customWidth="1"/>
    <col min="4" max="20" width="14.5703125" style="9" customWidth="1"/>
    <col min="21" max="21" width="5.5703125" style="9" customWidth="1"/>
    <col min="22" max="22" width="13.140625" style="9" bestFit="1" customWidth="1"/>
    <col min="23" max="16384" width="9.140625" style="9"/>
  </cols>
  <sheetData>
    <row r="1" spans="2:22" ht="24">
      <c r="C1" s="8" t="s">
        <v>671</v>
      </c>
      <c r="D1" s="482"/>
      <c r="E1" s="482"/>
      <c r="F1" s="482"/>
      <c r="G1" s="482"/>
      <c r="H1" s="482"/>
      <c r="I1" s="482"/>
      <c r="J1" s="482"/>
      <c r="K1" s="482"/>
      <c r="V1" s="53" t="s">
        <v>945</v>
      </c>
    </row>
    <row r="2" spans="2:22">
      <c r="C2" s="131" t="s">
        <v>750</v>
      </c>
    </row>
    <row r="3" spans="2:22" s="187" customFormat="1">
      <c r="C3" s="187">
        <v>1000</v>
      </c>
    </row>
    <row r="4" spans="2:22" s="49" customFormat="1" ht="20.100000000000001" customHeight="1">
      <c r="D4" s="483" t="s">
        <v>4</v>
      </c>
      <c r="E4" s="483" t="s">
        <v>5</v>
      </c>
      <c r="F4" s="483" t="s">
        <v>6</v>
      </c>
      <c r="G4" s="483" t="s">
        <v>41</v>
      </c>
      <c r="H4" s="483" t="s">
        <v>42</v>
      </c>
      <c r="I4" s="483" t="s">
        <v>94</v>
      </c>
      <c r="J4" s="483" t="s">
        <v>95</v>
      </c>
      <c r="K4" s="483" t="s">
        <v>96</v>
      </c>
      <c r="L4" s="483" t="s">
        <v>218</v>
      </c>
      <c r="M4" s="483" t="s">
        <v>219</v>
      </c>
      <c r="N4" s="483" t="s">
        <v>220</v>
      </c>
      <c r="O4" s="483" t="s">
        <v>221</v>
      </c>
      <c r="P4" s="483" t="s">
        <v>222</v>
      </c>
      <c r="Q4" s="483" t="s">
        <v>442</v>
      </c>
      <c r="R4" s="483" t="s">
        <v>443</v>
      </c>
      <c r="S4" s="483" t="s">
        <v>579</v>
      </c>
      <c r="T4" s="483" t="s">
        <v>580</v>
      </c>
      <c r="U4" s="483"/>
    </row>
    <row r="5" spans="2:22" s="485" customFormat="1" ht="34.5" customHeight="1">
      <c r="D5" s="919" t="s">
        <v>692</v>
      </c>
      <c r="E5" s="920"/>
      <c r="F5" s="920"/>
      <c r="G5" s="920"/>
      <c r="H5" s="920"/>
      <c r="I5" s="920" t="s">
        <v>693</v>
      </c>
      <c r="J5" s="920"/>
      <c r="K5" s="920"/>
      <c r="L5" s="920"/>
      <c r="M5" s="921" t="s">
        <v>714</v>
      </c>
      <c r="N5" s="921"/>
      <c r="O5" s="921"/>
      <c r="P5" s="921"/>
      <c r="Q5" s="920" t="s">
        <v>695</v>
      </c>
      <c r="R5" s="920"/>
      <c r="S5" s="920"/>
      <c r="T5" s="922"/>
      <c r="U5" s="484"/>
    </row>
    <row r="6" spans="2:22" s="485" customFormat="1" ht="33.75" thickBot="1">
      <c r="D6" s="486" t="s">
        <v>696</v>
      </c>
      <c r="E6" s="487" t="s">
        <v>697</v>
      </c>
      <c r="F6" s="487" t="s">
        <v>698</v>
      </c>
      <c r="G6" s="487" t="s">
        <v>699</v>
      </c>
      <c r="H6" s="487" t="s">
        <v>715</v>
      </c>
      <c r="I6" s="487" t="s">
        <v>701</v>
      </c>
      <c r="J6" s="487" t="s">
        <v>702</v>
      </c>
      <c r="K6" s="487" t="s">
        <v>703</v>
      </c>
      <c r="L6" s="488" t="s">
        <v>704</v>
      </c>
      <c r="M6" s="487" t="s">
        <v>701</v>
      </c>
      <c r="N6" s="487" t="s">
        <v>702</v>
      </c>
      <c r="O6" s="487" t="s">
        <v>703</v>
      </c>
      <c r="P6" s="488" t="s">
        <v>704</v>
      </c>
      <c r="Q6" s="487" t="s">
        <v>701</v>
      </c>
      <c r="R6" s="487" t="s">
        <v>702</v>
      </c>
      <c r="S6" s="487" t="s">
        <v>703</v>
      </c>
      <c r="T6" s="489" t="s">
        <v>704</v>
      </c>
      <c r="U6" s="490"/>
    </row>
    <row r="7" spans="2:22" s="452" customFormat="1" ht="20.100000000000001" customHeight="1">
      <c r="B7" s="491">
        <v>1</v>
      </c>
      <c r="C7" s="492" t="s">
        <v>681</v>
      </c>
      <c r="D7" s="493">
        <v>0</v>
      </c>
      <c r="E7" s="493">
        <v>0</v>
      </c>
      <c r="F7" s="493">
        <v>0</v>
      </c>
      <c r="G7" s="493">
        <v>0</v>
      </c>
      <c r="H7" s="493">
        <v>0</v>
      </c>
      <c r="I7" s="493">
        <v>0</v>
      </c>
      <c r="J7" s="493">
        <v>0</v>
      </c>
      <c r="K7" s="493">
        <v>0</v>
      </c>
      <c r="L7" s="493">
        <v>0</v>
      </c>
      <c r="M7" s="493">
        <v>0</v>
      </c>
      <c r="N7" s="493">
        <v>0</v>
      </c>
      <c r="O7" s="493">
        <v>0</v>
      </c>
      <c r="P7" s="493">
        <v>0</v>
      </c>
      <c r="Q7" s="493">
        <v>0</v>
      </c>
      <c r="R7" s="493">
        <v>0</v>
      </c>
      <c r="S7" s="493">
        <v>0</v>
      </c>
      <c r="T7" s="493">
        <v>0</v>
      </c>
      <c r="U7" s="494"/>
    </row>
    <row r="8" spans="2:22" s="452" customFormat="1" ht="20.100000000000001" customHeight="1">
      <c r="B8" s="495">
        <v>2</v>
      </c>
      <c r="C8" s="496" t="s">
        <v>716</v>
      </c>
      <c r="D8" s="497">
        <v>0</v>
      </c>
      <c r="E8" s="497">
        <v>0</v>
      </c>
      <c r="F8" s="497">
        <v>0</v>
      </c>
      <c r="G8" s="497">
        <v>0</v>
      </c>
      <c r="H8" s="497">
        <v>0</v>
      </c>
      <c r="I8" s="497">
        <v>0</v>
      </c>
      <c r="J8" s="497">
        <v>0</v>
      </c>
      <c r="K8" s="497">
        <v>0</v>
      </c>
      <c r="L8" s="497">
        <v>0</v>
      </c>
      <c r="M8" s="497">
        <v>0</v>
      </c>
      <c r="N8" s="497">
        <v>0</v>
      </c>
      <c r="O8" s="497">
        <v>0</v>
      </c>
      <c r="P8" s="497">
        <v>0</v>
      </c>
      <c r="Q8" s="497">
        <v>0</v>
      </c>
      <c r="R8" s="497">
        <v>0</v>
      </c>
      <c r="S8" s="497">
        <v>0</v>
      </c>
      <c r="T8" s="497">
        <v>0</v>
      </c>
      <c r="U8" s="494"/>
    </row>
    <row r="9" spans="2:22" s="452" customFormat="1" ht="20.100000000000001" customHeight="1">
      <c r="B9" s="495">
        <v>3</v>
      </c>
      <c r="C9" s="498" t="s">
        <v>707</v>
      </c>
      <c r="D9" s="497">
        <v>0</v>
      </c>
      <c r="E9" s="497">
        <v>0</v>
      </c>
      <c r="F9" s="497">
        <v>0</v>
      </c>
      <c r="G9" s="497">
        <v>0</v>
      </c>
      <c r="H9" s="497">
        <v>0</v>
      </c>
      <c r="I9" s="497">
        <v>0</v>
      </c>
      <c r="J9" s="497">
        <v>0</v>
      </c>
      <c r="K9" s="497">
        <v>0</v>
      </c>
      <c r="L9" s="497">
        <v>0</v>
      </c>
      <c r="M9" s="497">
        <v>0</v>
      </c>
      <c r="N9" s="497">
        <v>0</v>
      </c>
      <c r="O9" s="497">
        <v>0</v>
      </c>
      <c r="P9" s="497">
        <v>0</v>
      </c>
      <c r="Q9" s="497">
        <v>0</v>
      </c>
      <c r="R9" s="497">
        <v>0</v>
      </c>
      <c r="S9" s="497">
        <v>0</v>
      </c>
      <c r="T9" s="497">
        <v>0</v>
      </c>
      <c r="U9" s="494"/>
    </row>
    <row r="10" spans="2:22" s="452" customFormat="1" ht="20.100000000000001" customHeight="1">
      <c r="B10" s="495">
        <v>4</v>
      </c>
      <c r="C10" s="498" t="s">
        <v>713</v>
      </c>
      <c r="D10" s="497">
        <v>0</v>
      </c>
      <c r="E10" s="497">
        <v>0</v>
      </c>
      <c r="F10" s="497">
        <v>0</v>
      </c>
      <c r="G10" s="497">
        <v>0</v>
      </c>
      <c r="H10" s="497">
        <v>0</v>
      </c>
      <c r="I10" s="497">
        <v>0</v>
      </c>
      <c r="J10" s="497">
        <v>0</v>
      </c>
      <c r="K10" s="497">
        <v>0</v>
      </c>
      <c r="L10" s="497">
        <v>0</v>
      </c>
      <c r="M10" s="497">
        <v>0</v>
      </c>
      <c r="N10" s="497">
        <v>0</v>
      </c>
      <c r="O10" s="497">
        <v>0</v>
      </c>
      <c r="P10" s="497">
        <v>0</v>
      </c>
      <c r="Q10" s="497">
        <v>0</v>
      </c>
      <c r="R10" s="497">
        <v>0</v>
      </c>
      <c r="S10" s="497">
        <v>0</v>
      </c>
      <c r="T10" s="497">
        <v>0</v>
      </c>
      <c r="U10" s="494"/>
    </row>
    <row r="11" spans="2:22" s="452" customFormat="1" ht="20.100000000000001" customHeight="1">
      <c r="B11" s="495">
        <v>5</v>
      </c>
      <c r="C11" s="498" t="s">
        <v>709</v>
      </c>
      <c r="D11" s="497">
        <v>0</v>
      </c>
      <c r="E11" s="497">
        <v>0</v>
      </c>
      <c r="F11" s="497">
        <v>0</v>
      </c>
      <c r="G11" s="497">
        <v>0</v>
      </c>
      <c r="H11" s="497">
        <v>0</v>
      </c>
      <c r="I11" s="497">
        <v>0</v>
      </c>
      <c r="J11" s="497">
        <v>0</v>
      </c>
      <c r="K11" s="497">
        <v>0</v>
      </c>
      <c r="L11" s="497">
        <v>0</v>
      </c>
      <c r="M11" s="497">
        <v>0</v>
      </c>
      <c r="N11" s="497">
        <v>0</v>
      </c>
      <c r="O11" s="497">
        <v>0</v>
      </c>
      <c r="P11" s="497">
        <v>0</v>
      </c>
      <c r="Q11" s="497">
        <v>0</v>
      </c>
      <c r="R11" s="497">
        <v>0</v>
      </c>
      <c r="S11" s="497">
        <v>0</v>
      </c>
      <c r="T11" s="497">
        <v>0</v>
      </c>
      <c r="U11" s="494"/>
    </row>
    <row r="12" spans="2:22" s="452" customFormat="1" ht="20.100000000000001" customHeight="1">
      <c r="B12" s="495">
        <v>6</v>
      </c>
      <c r="C12" s="498" t="s">
        <v>710</v>
      </c>
      <c r="D12" s="497">
        <v>0</v>
      </c>
      <c r="E12" s="497">
        <v>0</v>
      </c>
      <c r="F12" s="497">
        <v>0</v>
      </c>
      <c r="G12" s="497">
        <v>0</v>
      </c>
      <c r="H12" s="497">
        <v>0</v>
      </c>
      <c r="I12" s="497">
        <v>0</v>
      </c>
      <c r="J12" s="497">
        <v>0</v>
      </c>
      <c r="K12" s="497">
        <v>0</v>
      </c>
      <c r="L12" s="497">
        <v>0</v>
      </c>
      <c r="M12" s="497">
        <v>0</v>
      </c>
      <c r="N12" s="497">
        <v>0</v>
      </c>
      <c r="O12" s="497">
        <v>0</v>
      </c>
      <c r="P12" s="497">
        <v>0</v>
      </c>
      <c r="Q12" s="497">
        <v>0</v>
      </c>
      <c r="R12" s="497">
        <v>0</v>
      </c>
      <c r="S12" s="497">
        <v>0</v>
      </c>
      <c r="T12" s="497">
        <v>0</v>
      </c>
      <c r="U12" s="494"/>
    </row>
    <row r="13" spans="2:22" s="452" customFormat="1" ht="20.100000000000001" customHeight="1">
      <c r="B13" s="495">
        <v>7</v>
      </c>
      <c r="C13" s="496" t="s">
        <v>709</v>
      </c>
      <c r="D13" s="497">
        <v>0</v>
      </c>
      <c r="E13" s="497">
        <v>0</v>
      </c>
      <c r="F13" s="497">
        <v>0</v>
      </c>
      <c r="G13" s="497">
        <v>0</v>
      </c>
      <c r="H13" s="497">
        <v>0</v>
      </c>
      <c r="I13" s="497">
        <v>0</v>
      </c>
      <c r="J13" s="497">
        <v>0</v>
      </c>
      <c r="K13" s="497">
        <v>0</v>
      </c>
      <c r="L13" s="497">
        <v>0</v>
      </c>
      <c r="M13" s="497">
        <v>0</v>
      </c>
      <c r="N13" s="497">
        <v>0</v>
      </c>
      <c r="O13" s="497">
        <v>0</v>
      </c>
      <c r="P13" s="497">
        <v>0</v>
      </c>
      <c r="Q13" s="497">
        <v>0</v>
      </c>
      <c r="R13" s="497">
        <v>0</v>
      </c>
      <c r="S13" s="497">
        <v>0</v>
      </c>
      <c r="T13" s="497">
        <v>0</v>
      </c>
      <c r="U13" s="494"/>
    </row>
    <row r="14" spans="2:22" s="452" customFormat="1" ht="20.100000000000001" customHeight="1">
      <c r="B14" s="495">
        <v>8</v>
      </c>
      <c r="C14" s="498" t="s">
        <v>711</v>
      </c>
      <c r="D14" s="497">
        <v>0</v>
      </c>
      <c r="E14" s="497">
        <v>0</v>
      </c>
      <c r="F14" s="497">
        <v>0</v>
      </c>
      <c r="G14" s="497">
        <v>0</v>
      </c>
      <c r="H14" s="497">
        <v>0</v>
      </c>
      <c r="I14" s="497">
        <v>0</v>
      </c>
      <c r="J14" s="497">
        <v>0</v>
      </c>
      <c r="K14" s="497">
        <v>0</v>
      </c>
      <c r="L14" s="497">
        <v>0</v>
      </c>
      <c r="M14" s="497">
        <v>0</v>
      </c>
      <c r="N14" s="497">
        <v>0</v>
      </c>
      <c r="O14" s="497">
        <v>0</v>
      </c>
      <c r="P14" s="497">
        <v>0</v>
      </c>
      <c r="Q14" s="497">
        <v>0</v>
      </c>
      <c r="R14" s="497">
        <v>0</v>
      </c>
      <c r="S14" s="497">
        <v>0</v>
      </c>
      <c r="T14" s="497">
        <v>0</v>
      </c>
      <c r="U14" s="494"/>
    </row>
    <row r="15" spans="2:22" s="452" customFormat="1" ht="20.100000000000001" customHeight="1">
      <c r="B15" s="495">
        <v>9</v>
      </c>
      <c r="C15" s="498" t="s">
        <v>717</v>
      </c>
      <c r="D15" s="497">
        <v>0</v>
      </c>
      <c r="E15" s="497">
        <v>0</v>
      </c>
      <c r="F15" s="497">
        <v>0</v>
      </c>
      <c r="G15" s="497">
        <v>0</v>
      </c>
      <c r="H15" s="497">
        <v>0</v>
      </c>
      <c r="I15" s="497">
        <v>0</v>
      </c>
      <c r="J15" s="497">
        <v>0</v>
      </c>
      <c r="K15" s="497">
        <v>0</v>
      </c>
      <c r="L15" s="497">
        <v>0</v>
      </c>
      <c r="M15" s="497">
        <v>0</v>
      </c>
      <c r="N15" s="497">
        <v>0</v>
      </c>
      <c r="O15" s="497">
        <v>0</v>
      </c>
      <c r="P15" s="497">
        <v>0</v>
      </c>
      <c r="Q15" s="497">
        <v>0</v>
      </c>
      <c r="R15" s="497">
        <v>0</v>
      </c>
      <c r="S15" s="497">
        <v>0</v>
      </c>
      <c r="T15" s="497">
        <v>0</v>
      </c>
      <c r="U15" s="494"/>
    </row>
    <row r="16" spans="2:22" s="452" customFormat="1" ht="20.100000000000001" customHeight="1">
      <c r="B16" s="495">
        <v>10</v>
      </c>
      <c r="C16" s="498" t="s">
        <v>707</v>
      </c>
      <c r="D16" s="497">
        <v>0</v>
      </c>
      <c r="E16" s="497">
        <v>0</v>
      </c>
      <c r="F16" s="497">
        <v>0</v>
      </c>
      <c r="G16" s="497">
        <v>0</v>
      </c>
      <c r="H16" s="497">
        <v>0</v>
      </c>
      <c r="I16" s="497">
        <v>0</v>
      </c>
      <c r="J16" s="497">
        <v>0</v>
      </c>
      <c r="K16" s="497">
        <v>0</v>
      </c>
      <c r="L16" s="497">
        <v>0</v>
      </c>
      <c r="M16" s="497">
        <v>0</v>
      </c>
      <c r="N16" s="497">
        <v>0</v>
      </c>
      <c r="O16" s="497">
        <v>0</v>
      </c>
      <c r="P16" s="497">
        <v>0</v>
      </c>
      <c r="Q16" s="497">
        <v>0</v>
      </c>
      <c r="R16" s="497">
        <v>0</v>
      </c>
      <c r="S16" s="497">
        <v>0</v>
      </c>
      <c r="T16" s="497">
        <v>0</v>
      </c>
      <c r="U16" s="494"/>
    </row>
    <row r="17" spans="2:20" s="452" customFormat="1" ht="20.100000000000001" customHeight="1">
      <c r="B17" s="495">
        <v>11</v>
      </c>
      <c r="C17" s="498" t="s">
        <v>713</v>
      </c>
      <c r="D17" s="497">
        <v>0</v>
      </c>
      <c r="E17" s="497">
        <v>0</v>
      </c>
      <c r="F17" s="497">
        <v>0</v>
      </c>
      <c r="G17" s="497">
        <v>0</v>
      </c>
      <c r="H17" s="497">
        <v>0</v>
      </c>
      <c r="I17" s="497">
        <v>0</v>
      </c>
      <c r="J17" s="497">
        <v>0</v>
      </c>
      <c r="K17" s="497">
        <v>0</v>
      </c>
      <c r="L17" s="497">
        <v>0</v>
      </c>
      <c r="M17" s="497">
        <v>0</v>
      </c>
      <c r="N17" s="497">
        <v>0</v>
      </c>
      <c r="O17" s="497">
        <v>0</v>
      </c>
      <c r="P17" s="497">
        <v>0</v>
      </c>
      <c r="Q17" s="497">
        <v>0</v>
      </c>
      <c r="R17" s="497">
        <v>0</v>
      </c>
      <c r="S17" s="497">
        <v>0</v>
      </c>
      <c r="T17" s="497">
        <v>0</v>
      </c>
    </row>
    <row r="18" spans="2:20" s="452" customFormat="1" ht="20.100000000000001" customHeight="1">
      <c r="B18" s="495">
        <v>12</v>
      </c>
      <c r="C18" s="498" t="s">
        <v>710</v>
      </c>
      <c r="D18" s="497">
        <v>0</v>
      </c>
      <c r="E18" s="497">
        <v>0</v>
      </c>
      <c r="F18" s="497">
        <v>0</v>
      </c>
      <c r="G18" s="497">
        <v>0</v>
      </c>
      <c r="H18" s="497">
        <v>0</v>
      </c>
      <c r="I18" s="497">
        <v>0</v>
      </c>
      <c r="J18" s="497">
        <v>0</v>
      </c>
      <c r="K18" s="497">
        <v>0</v>
      </c>
      <c r="L18" s="497">
        <v>0</v>
      </c>
      <c r="M18" s="497">
        <v>0</v>
      </c>
      <c r="N18" s="497">
        <v>0</v>
      </c>
      <c r="O18" s="497">
        <v>0</v>
      </c>
      <c r="P18" s="497">
        <v>0</v>
      </c>
      <c r="Q18" s="497">
        <v>0</v>
      </c>
      <c r="R18" s="497">
        <v>0</v>
      </c>
      <c r="S18" s="497">
        <v>0</v>
      </c>
      <c r="T18" s="497">
        <v>0</v>
      </c>
    </row>
    <row r="19" spans="2:20" s="452" customFormat="1" ht="20.100000000000001" customHeight="1" thickBot="1">
      <c r="B19" s="499">
        <v>13</v>
      </c>
      <c r="C19" s="500" t="s">
        <v>711</v>
      </c>
      <c r="D19" s="501">
        <v>0</v>
      </c>
      <c r="E19" s="501">
        <v>0</v>
      </c>
      <c r="F19" s="501">
        <v>0</v>
      </c>
      <c r="G19" s="501">
        <v>0</v>
      </c>
      <c r="H19" s="501">
        <v>0</v>
      </c>
      <c r="I19" s="501">
        <v>0</v>
      </c>
      <c r="J19" s="501">
        <v>0</v>
      </c>
      <c r="K19" s="501">
        <v>0</v>
      </c>
      <c r="L19" s="501">
        <v>0</v>
      </c>
      <c r="M19" s="501">
        <v>0</v>
      </c>
      <c r="N19" s="501">
        <v>0</v>
      </c>
      <c r="O19" s="501">
        <v>0</v>
      </c>
      <c r="P19" s="501">
        <v>0</v>
      </c>
      <c r="Q19" s="501">
        <v>0</v>
      </c>
      <c r="R19" s="501">
        <v>0</v>
      </c>
      <c r="S19" s="501">
        <v>0</v>
      </c>
      <c r="T19" s="501">
        <v>0</v>
      </c>
    </row>
  </sheetData>
  <mergeCells count="4">
    <mergeCell ref="D5:H5"/>
    <mergeCell ref="I5:L5"/>
    <mergeCell ref="M5:P5"/>
    <mergeCell ref="Q5:T5"/>
  </mergeCells>
  <hyperlinks>
    <hyperlink ref="V1" location="Índice!A1" display="Voltar ao Índice" xr:uid="{00000000-0004-0000-2000-000001000000}"/>
  </hyperlinks>
  <pageMargins left="0.70866141732283472" right="0.70866141732283472" top="0.74803149606299213" bottom="0.74803149606299213" header="0.31496062992125984" footer="0.31496062992125984"/>
  <pageSetup paperSize="9" scale="42" orientation="landscape" r:id="rId1"/>
  <headerFooter>
    <oddFooter>&amp;C1</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0000"/>
  </sheetPr>
  <dimension ref="A1:J21"/>
  <sheetViews>
    <sheetView showGridLines="0" zoomScale="85" zoomScaleNormal="85" workbookViewId="0"/>
  </sheetViews>
  <sheetFormatPr defaultColWidth="9.28515625" defaultRowHeight="16.5"/>
  <cols>
    <col min="1" max="1" width="34.42578125" style="96" bestFit="1" customWidth="1"/>
    <col min="2" max="7" width="15.7109375" style="96" customWidth="1"/>
    <col min="8" max="8" width="9.28515625" style="96"/>
    <col min="9" max="9" width="1" style="96" customWidth="1"/>
    <col min="10" max="16384" width="9.28515625" style="96"/>
  </cols>
  <sheetData>
    <row r="1" spans="1:10" ht="19.5">
      <c r="A1" s="105" t="s">
        <v>999</v>
      </c>
      <c r="G1" s="53" t="s">
        <v>945</v>
      </c>
    </row>
    <row r="2" spans="1:10">
      <c r="A2" s="104"/>
    </row>
    <row r="3" spans="1:10" ht="17.25" thickBot="1">
      <c r="A3" s="104"/>
    </row>
    <row r="4" spans="1:10" s="97" customFormat="1" ht="19.5" customHeight="1">
      <c r="A4" s="863"/>
      <c r="B4" s="865" t="s">
        <v>1002</v>
      </c>
      <c r="C4" s="865"/>
      <c r="D4" s="864" t="s">
        <v>1003</v>
      </c>
      <c r="E4" s="864"/>
      <c r="F4" s="864" t="s">
        <v>1121</v>
      </c>
      <c r="G4" s="864"/>
      <c r="H4" s="96"/>
    </row>
    <row r="5" spans="1:10" s="97" customFormat="1" ht="19.5" customHeight="1">
      <c r="A5" s="863"/>
      <c r="B5" s="103" t="s">
        <v>998</v>
      </c>
      <c r="C5" s="103" t="s">
        <v>997</v>
      </c>
      <c r="D5" s="103" t="s">
        <v>998</v>
      </c>
      <c r="E5" s="103" t="s">
        <v>997</v>
      </c>
      <c r="F5" s="103" t="s">
        <v>998</v>
      </c>
      <c r="G5" s="103" t="s">
        <v>997</v>
      </c>
      <c r="H5" s="96"/>
    </row>
    <row r="6" spans="1:10" s="97" customFormat="1" ht="26.25" customHeight="1">
      <c r="A6" s="2" t="s">
        <v>864</v>
      </c>
      <c r="B6" s="1">
        <v>15957882.019613881</v>
      </c>
      <c r="C6" s="1">
        <v>15957882.019613881</v>
      </c>
      <c r="D6" s="1">
        <v>15716108.074977107</v>
      </c>
      <c r="E6" s="1">
        <v>15716108.074977109</v>
      </c>
      <c r="F6" s="1">
        <v>16110249.736760773</v>
      </c>
      <c r="G6" s="1">
        <v>15724637.476416675</v>
      </c>
      <c r="H6" s="96"/>
    </row>
    <row r="7" spans="1:10" s="97" customFormat="1" ht="26.25" customHeight="1">
      <c r="A7" s="7" t="s">
        <v>870</v>
      </c>
      <c r="B7" s="6">
        <v>2815376.2768446459</v>
      </c>
      <c r="C7" s="6">
        <v>2868228.5449700002</v>
      </c>
      <c r="D7" s="6">
        <v>3017504.5089395088</v>
      </c>
      <c r="E7" s="6">
        <v>3031674.810240001</v>
      </c>
      <c r="F7" s="6">
        <v>2237172.61919</v>
      </c>
      <c r="G7" s="6">
        <v>2237172.61919</v>
      </c>
      <c r="H7" s="96"/>
    </row>
    <row r="8" spans="1:10" s="97" customFormat="1" ht="26.25" customHeight="1">
      <c r="A8" s="4" t="s">
        <v>869</v>
      </c>
      <c r="B8" s="102">
        <v>0.17642543499095048</v>
      </c>
      <c r="C8" s="102">
        <v>0.1797374201316097</v>
      </c>
      <c r="D8" s="3">
        <v>0.19200074818420998</v>
      </c>
      <c r="E8" s="3">
        <v>0.1929023900686313</v>
      </c>
      <c r="F8" s="3">
        <v>0.13886641459599247</v>
      </c>
      <c r="G8" s="3">
        <v>0.1422718089714464</v>
      </c>
      <c r="H8" s="96"/>
    </row>
    <row r="9" spans="1:10" s="97" customFormat="1" ht="26.25" customHeight="1">
      <c r="A9" s="4" t="s">
        <v>868</v>
      </c>
      <c r="B9" s="6">
        <v>3215376.2768446459</v>
      </c>
      <c r="C9" s="6">
        <v>3268228.5449700002</v>
      </c>
      <c r="D9" s="6">
        <v>3717504.5089395088</v>
      </c>
      <c r="E9" s="6">
        <v>3731674.810240001</v>
      </c>
      <c r="F9" s="6">
        <v>2937172.61919</v>
      </c>
      <c r="G9" s="6">
        <v>2937172.61919</v>
      </c>
      <c r="H9" s="96"/>
    </row>
    <row r="10" spans="1:10" s="97" customFormat="1" ht="26.25" customHeight="1">
      <c r="A10" s="4" t="s">
        <v>867</v>
      </c>
      <c r="B10" s="102">
        <v>0.20149141802731824</v>
      </c>
      <c r="C10" s="102">
        <v>0.20480340316797746</v>
      </c>
      <c r="D10" s="3">
        <v>0.23654103746324129</v>
      </c>
      <c r="E10" s="3">
        <v>0.23744267934766261</v>
      </c>
      <c r="F10" s="3">
        <v>0.18231701352759824</v>
      </c>
      <c r="G10" s="3">
        <v>0.18678793858332698</v>
      </c>
      <c r="H10" s="96"/>
    </row>
    <row r="11" spans="1:10" s="97" customFormat="1" ht="26.25" customHeight="1">
      <c r="A11" s="4" t="s">
        <v>866</v>
      </c>
      <c r="B11" s="6">
        <v>3489102.137364646</v>
      </c>
      <c r="C11" s="6">
        <v>3541954.4054900003</v>
      </c>
      <c r="D11" s="5">
        <v>3985726.1021709386</v>
      </c>
      <c r="E11" s="5">
        <v>3999896.4034700007</v>
      </c>
      <c r="F11" s="5">
        <v>3198235.8492200002</v>
      </c>
      <c r="G11" s="5">
        <v>3198235.8492200002</v>
      </c>
      <c r="H11" s="96"/>
      <c r="J11" s="133"/>
    </row>
    <row r="12" spans="1:10" s="97" customFormat="1" ht="26.25" customHeight="1">
      <c r="A12" s="4" t="s">
        <v>865</v>
      </c>
      <c r="B12" s="102">
        <v>0.21864443746834197</v>
      </c>
      <c r="C12" s="102">
        <v>0.22195642260900122</v>
      </c>
      <c r="D12" s="3">
        <v>0.25360770511097064</v>
      </c>
      <c r="E12" s="3">
        <v>0.25450934699530098</v>
      </c>
      <c r="F12" s="3">
        <v>0.19852180453305981</v>
      </c>
      <c r="G12" s="3">
        <v>0.20339011656177228</v>
      </c>
      <c r="H12" s="96"/>
    </row>
    <row r="13" spans="1:10" s="97" customFormat="1" ht="26.25" customHeight="1">
      <c r="A13" s="4" t="s">
        <v>872</v>
      </c>
      <c r="B13" s="3">
        <v>0.28767278183046263</v>
      </c>
      <c r="C13" s="3">
        <v>0.29098476697112186</v>
      </c>
      <c r="D13" s="3">
        <v>0.32398852973863373</v>
      </c>
      <c r="E13" s="3">
        <v>0.32489017162296402</v>
      </c>
      <c r="F13" s="3">
        <v>0.29908620801981489</v>
      </c>
      <c r="G13" s="3">
        <v>0.30642064157259064</v>
      </c>
      <c r="H13" s="96"/>
    </row>
    <row r="14" spans="1:10" s="97" customFormat="1" ht="26.25" customHeight="1">
      <c r="A14" s="4" t="s">
        <v>871</v>
      </c>
      <c r="B14" s="3">
        <v>8.3080925355173932E-2</v>
      </c>
      <c r="C14" s="3">
        <v>8.3951258558655303E-2</v>
      </c>
      <c r="D14" s="3">
        <v>8.9140702463880686E-2</v>
      </c>
      <c r="E14" s="3">
        <v>8.9366606539993648E-2</v>
      </c>
      <c r="F14" s="3">
        <v>8.159645957406976E-2</v>
      </c>
      <c r="G14" s="3">
        <v>8.159645957406976E-2</v>
      </c>
      <c r="H14" s="96"/>
    </row>
    <row r="15" spans="1:10" s="97" customFormat="1" ht="26.25" customHeight="1">
      <c r="A15" s="4" t="s">
        <v>863</v>
      </c>
      <c r="B15" s="102">
        <v>5.8121406200000003E-2</v>
      </c>
      <c r="C15" s="102">
        <v>5.9087297300000001E-2</v>
      </c>
      <c r="D15" s="3">
        <v>6.5080804737195894E-2</v>
      </c>
      <c r="E15" s="3">
        <v>6.5312675957737598E-2</v>
      </c>
      <c r="F15" s="3">
        <v>4.9739581515521422E-2</v>
      </c>
      <c r="G15" s="3">
        <v>4.9739581515521422E-2</v>
      </c>
      <c r="H15" s="96"/>
    </row>
    <row r="16" spans="1:10" s="97" customFormat="1" ht="26.25" customHeight="1">
      <c r="A16" s="4" t="s">
        <v>996</v>
      </c>
      <c r="B16" s="866">
        <v>2.0472729686277984E-2</v>
      </c>
      <c r="C16" s="866"/>
      <c r="D16" s="866">
        <v>1.996589993240987E-2</v>
      </c>
      <c r="E16" s="866"/>
      <c r="F16" s="866">
        <v>1.5539830161379744E-2</v>
      </c>
      <c r="G16" s="866"/>
      <c r="H16" s="96"/>
    </row>
    <row r="17" spans="1:7" s="97" customFormat="1" ht="26.25" customHeight="1">
      <c r="A17" s="4" t="s">
        <v>995</v>
      </c>
      <c r="B17" s="866">
        <v>1.7143481932140214E-2</v>
      </c>
      <c r="C17" s="866"/>
      <c r="D17" s="866">
        <v>1.6126182048143284E-2</v>
      </c>
      <c r="E17" s="866"/>
      <c r="F17" s="866">
        <v>1.5036811048029964E-2</v>
      </c>
      <c r="G17" s="866"/>
    </row>
    <row r="18" spans="1:7" s="97" customFormat="1" ht="26.25" customHeight="1">
      <c r="A18" s="101" t="s">
        <v>994</v>
      </c>
      <c r="B18" s="866">
        <v>1.2037386834351964</v>
      </c>
      <c r="C18" s="866"/>
      <c r="D18" s="866">
        <v>1.1971643048910854</v>
      </c>
      <c r="E18" s="866"/>
      <c r="F18" s="866">
        <v>1.2252176271645117</v>
      </c>
      <c r="G18" s="866"/>
    </row>
    <row r="19" spans="1:7" s="97" customFormat="1" ht="26.25" customHeight="1" thickBot="1">
      <c r="A19" s="100" t="s">
        <v>993</v>
      </c>
      <c r="B19" s="867">
        <v>1.2479662430476204</v>
      </c>
      <c r="C19" s="867"/>
      <c r="D19" s="867">
        <v>1.4482507596661627</v>
      </c>
      <c r="E19" s="867"/>
      <c r="F19" s="867">
        <v>1.3792553559005545</v>
      </c>
      <c r="G19" s="867"/>
    </row>
    <row r="20" spans="1:7" s="97" customFormat="1" ht="12.75" customHeight="1">
      <c r="F20" s="99"/>
    </row>
    <row r="21" spans="1:7">
      <c r="G21" s="98" t="s">
        <v>992</v>
      </c>
    </row>
  </sheetData>
  <mergeCells count="16">
    <mergeCell ref="F19:G19"/>
    <mergeCell ref="D19:E19"/>
    <mergeCell ref="D18:E18"/>
    <mergeCell ref="B18:C18"/>
    <mergeCell ref="B19:C19"/>
    <mergeCell ref="A4:A5"/>
    <mergeCell ref="F4:G4"/>
    <mergeCell ref="D4:E4"/>
    <mergeCell ref="B4:C4"/>
    <mergeCell ref="F18:G18"/>
    <mergeCell ref="F16:G16"/>
    <mergeCell ref="F17:G17"/>
    <mergeCell ref="D16:E16"/>
    <mergeCell ref="D17:E17"/>
    <mergeCell ref="B16:C16"/>
    <mergeCell ref="B17:C17"/>
  </mergeCells>
  <hyperlinks>
    <hyperlink ref="G1" location="Índice!A1" display="Voltar ao Índice" xr:uid="{00000000-0004-0000-04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100-000000000000}">
  <sheetPr>
    <tabColor rgb="FFFF0000"/>
  </sheetPr>
  <dimension ref="B1:M17"/>
  <sheetViews>
    <sheetView showGridLines="0" zoomScaleNormal="100" zoomScaleSheetLayoutView="90" zoomScalePageLayoutView="80" workbookViewId="0"/>
  </sheetViews>
  <sheetFormatPr defaultColWidth="8.7109375" defaultRowHeight="18.75"/>
  <cols>
    <col min="1" max="1" width="4.7109375" style="9" customWidth="1"/>
    <col min="2" max="2" width="8.7109375" style="9"/>
    <col min="3" max="3" width="49.28515625" style="9" customWidth="1"/>
    <col min="4" max="4" width="15.140625" style="9" customWidth="1"/>
    <col min="5" max="5" width="18.140625" style="9" customWidth="1"/>
    <col min="6" max="6" width="19.42578125" style="9" customWidth="1"/>
    <col min="7" max="7" width="18.5703125" style="9" customWidth="1"/>
    <col min="8" max="9" width="20.42578125" style="9" customWidth="1"/>
    <col min="10" max="10" width="22" style="9" customWidth="1"/>
    <col min="11" max="11" width="26.7109375" style="9" customWidth="1"/>
    <col min="12" max="12" width="9.42578125" style="9" customWidth="1"/>
    <col min="13" max="13" width="15" style="9" customWidth="1"/>
    <col min="14" max="16384" width="8.7109375" style="9"/>
  </cols>
  <sheetData>
    <row r="1" spans="2:13" ht="24">
      <c r="B1" s="8" t="s">
        <v>438</v>
      </c>
      <c r="M1" s="53" t="s">
        <v>945</v>
      </c>
    </row>
    <row r="2" spans="2:13" s="130" customFormat="1" ht="19.5">
      <c r="B2" s="262" t="s">
        <v>750</v>
      </c>
      <c r="C2" s="426"/>
      <c r="D2" s="426"/>
      <c r="E2" s="426"/>
      <c r="F2" s="426"/>
      <c r="G2" s="426"/>
      <c r="H2" s="426"/>
      <c r="I2" s="426"/>
      <c r="J2" s="426"/>
      <c r="K2" s="426"/>
      <c r="M2" s="186"/>
    </row>
    <row r="3" spans="2:13" s="269" customFormat="1" ht="20.25" customHeight="1" thickBot="1">
      <c r="B3" s="275"/>
      <c r="C3" s="275"/>
      <c r="D3" s="428" t="s">
        <v>4</v>
      </c>
      <c r="E3" s="428" t="s">
        <v>5</v>
      </c>
      <c r="F3" s="428" t="s">
        <v>6</v>
      </c>
      <c r="G3" s="428" t="s">
        <v>41</v>
      </c>
      <c r="H3" s="428" t="s">
        <v>42</v>
      </c>
      <c r="I3" s="428" t="s">
        <v>94</v>
      </c>
      <c r="J3" s="428" t="s">
        <v>95</v>
      </c>
      <c r="K3" s="428" t="s">
        <v>96</v>
      </c>
      <c r="L3" s="130"/>
    </row>
    <row r="4" spans="2:13" s="269" customFormat="1" ht="35.25" customHeight="1">
      <c r="B4" s="275"/>
      <c r="C4" s="275"/>
      <c r="D4" s="923" t="s">
        <v>501</v>
      </c>
      <c r="E4" s="923"/>
      <c r="F4" s="923"/>
      <c r="G4" s="923"/>
      <c r="H4" s="923" t="s">
        <v>445</v>
      </c>
      <c r="I4" s="923"/>
      <c r="J4" s="923" t="s">
        <v>502</v>
      </c>
      <c r="K4" s="923"/>
      <c r="L4" s="130"/>
    </row>
    <row r="5" spans="2:13" s="269" customFormat="1" ht="35.25" customHeight="1">
      <c r="B5" s="275"/>
      <c r="C5" s="275"/>
      <c r="D5" s="901" t="s">
        <v>503</v>
      </c>
      <c r="E5" s="901" t="s">
        <v>504</v>
      </c>
      <c r="F5" s="901"/>
      <c r="G5" s="901"/>
      <c r="H5" s="901" t="s">
        <v>505</v>
      </c>
      <c r="I5" s="901" t="s">
        <v>506</v>
      </c>
      <c r="J5" s="466"/>
      <c r="K5" s="901" t="s">
        <v>507</v>
      </c>
      <c r="L5" s="467"/>
    </row>
    <row r="6" spans="2:13" s="269" customFormat="1" ht="35.25" customHeight="1">
      <c r="B6" s="275"/>
      <c r="C6" s="275"/>
      <c r="D6" s="924"/>
      <c r="E6" s="469"/>
      <c r="F6" s="468" t="s">
        <v>508</v>
      </c>
      <c r="G6" s="468" t="s">
        <v>509</v>
      </c>
      <c r="H6" s="924"/>
      <c r="I6" s="924"/>
      <c r="J6" s="469"/>
      <c r="K6" s="924"/>
      <c r="L6" s="470"/>
    </row>
    <row r="7" spans="2:13" s="318" customFormat="1" ht="20.25" customHeight="1">
      <c r="B7" s="471" t="s">
        <v>457</v>
      </c>
      <c r="C7" s="472" t="s">
        <v>458</v>
      </c>
      <c r="D7" s="473">
        <v>0</v>
      </c>
      <c r="E7" s="473">
        <v>0</v>
      </c>
      <c r="F7" s="473">
        <v>0</v>
      </c>
      <c r="G7" s="474">
        <v>0</v>
      </c>
      <c r="H7" s="474">
        <v>0</v>
      </c>
      <c r="I7" s="474">
        <v>0</v>
      </c>
      <c r="J7" s="474">
        <v>0</v>
      </c>
      <c r="K7" s="474">
        <v>0</v>
      </c>
    </row>
    <row r="8" spans="2:13" s="318" customFormat="1" ht="20.25" customHeight="1">
      <c r="B8" s="433" t="s">
        <v>238</v>
      </c>
      <c r="C8" s="417" t="s">
        <v>459</v>
      </c>
      <c r="D8" s="475">
        <v>311608.78899999999</v>
      </c>
      <c r="E8" s="475">
        <v>382054.223</v>
      </c>
      <c r="F8" s="475">
        <v>382054.223</v>
      </c>
      <c r="G8" s="336">
        <v>382054.223</v>
      </c>
      <c r="H8" s="336">
        <v>-27057.127</v>
      </c>
      <c r="I8" s="336">
        <v>-236486.09700000001</v>
      </c>
      <c r="J8" s="336">
        <v>364343.03600000002</v>
      </c>
      <c r="K8" s="336">
        <v>126639.133</v>
      </c>
    </row>
    <row r="9" spans="2:13" s="318" customFormat="1" ht="20.25" customHeight="1">
      <c r="B9" s="476" t="s">
        <v>240</v>
      </c>
      <c r="C9" s="477" t="s">
        <v>460</v>
      </c>
      <c r="D9" s="475">
        <v>0</v>
      </c>
      <c r="E9" s="475">
        <v>0</v>
      </c>
      <c r="F9" s="475">
        <v>0</v>
      </c>
      <c r="G9" s="336">
        <v>0</v>
      </c>
      <c r="H9" s="336">
        <v>0</v>
      </c>
      <c r="I9" s="336">
        <v>0</v>
      </c>
      <c r="J9" s="336">
        <v>0</v>
      </c>
      <c r="K9" s="336">
        <v>0</v>
      </c>
    </row>
    <row r="10" spans="2:13" s="318" customFormat="1" ht="20.25" customHeight="1">
      <c r="B10" s="476" t="s">
        <v>461</v>
      </c>
      <c r="C10" s="477" t="s">
        <v>462</v>
      </c>
      <c r="D10" s="475">
        <v>0</v>
      </c>
      <c r="E10" s="475">
        <v>8305.5110000000004</v>
      </c>
      <c r="F10" s="475">
        <v>8305.5110000000004</v>
      </c>
      <c r="G10" s="336">
        <v>8305.5110000000004</v>
      </c>
      <c r="H10" s="336">
        <v>0</v>
      </c>
      <c r="I10" s="336">
        <v>-7072.8810000000003</v>
      </c>
      <c r="J10" s="336">
        <v>686.64499999999998</v>
      </c>
      <c r="K10" s="336">
        <v>686.64499999999998</v>
      </c>
    </row>
    <row r="11" spans="2:13" s="318" customFormat="1" ht="20.25" customHeight="1">
      <c r="B11" s="476" t="s">
        <v>463</v>
      </c>
      <c r="C11" s="477" t="s">
        <v>464</v>
      </c>
      <c r="D11" s="475">
        <v>370.63299999999998</v>
      </c>
      <c r="E11" s="475">
        <v>0</v>
      </c>
      <c r="F11" s="475">
        <v>0</v>
      </c>
      <c r="G11" s="336">
        <v>0</v>
      </c>
      <c r="H11" s="336">
        <v>-3.5670000000000002</v>
      </c>
      <c r="I11" s="336">
        <v>0</v>
      </c>
      <c r="J11" s="336">
        <v>367.065</v>
      </c>
      <c r="K11" s="336">
        <v>0</v>
      </c>
    </row>
    <row r="12" spans="2:13" s="318" customFormat="1" ht="20.25" customHeight="1">
      <c r="B12" s="476" t="s">
        <v>465</v>
      </c>
      <c r="C12" s="477" t="s">
        <v>466</v>
      </c>
      <c r="D12" s="475">
        <v>169.541</v>
      </c>
      <c r="E12" s="475">
        <v>5693.8339999999998</v>
      </c>
      <c r="F12" s="475">
        <v>5693.8339999999998</v>
      </c>
      <c r="G12" s="336">
        <v>5693.8339999999998</v>
      </c>
      <c r="H12" s="336">
        <v>-10.53</v>
      </c>
      <c r="I12" s="336">
        <v>-4666.2280000000001</v>
      </c>
      <c r="J12" s="336">
        <v>1092.585</v>
      </c>
      <c r="K12" s="336">
        <v>933.57500000000005</v>
      </c>
    </row>
    <row r="13" spans="2:13" s="318" customFormat="1" ht="20.25" customHeight="1">
      <c r="B13" s="476" t="s">
        <v>467</v>
      </c>
      <c r="C13" s="477" t="s">
        <v>468</v>
      </c>
      <c r="D13" s="475">
        <v>81790.308000000005</v>
      </c>
      <c r="E13" s="475">
        <v>233675.046</v>
      </c>
      <c r="F13" s="475">
        <v>233675.046</v>
      </c>
      <c r="G13" s="336">
        <v>233675.046</v>
      </c>
      <c r="H13" s="336">
        <v>-12996.128000000001</v>
      </c>
      <c r="I13" s="336">
        <v>-159435.54</v>
      </c>
      <c r="J13" s="336">
        <v>121070.995</v>
      </c>
      <c r="K13" s="336">
        <v>66427.471999999994</v>
      </c>
    </row>
    <row r="14" spans="2:13" s="318" customFormat="1" ht="20.25" customHeight="1">
      <c r="B14" s="476" t="s">
        <v>469</v>
      </c>
      <c r="C14" s="477" t="s">
        <v>472</v>
      </c>
      <c r="D14" s="475">
        <v>229278.307</v>
      </c>
      <c r="E14" s="475">
        <v>134379.83199999999</v>
      </c>
      <c r="F14" s="475">
        <v>134379.83199999999</v>
      </c>
      <c r="G14" s="336">
        <v>134379.83199999999</v>
      </c>
      <c r="H14" s="336">
        <v>-14046.902</v>
      </c>
      <c r="I14" s="336">
        <v>-65311.447999999997</v>
      </c>
      <c r="J14" s="336">
        <v>241125.74600000001</v>
      </c>
      <c r="K14" s="336">
        <v>58591.440999999999</v>
      </c>
    </row>
    <row r="15" spans="2:13" s="318" customFormat="1" ht="20.25" customHeight="1">
      <c r="B15" s="433" t="s">
        <v>471</v>
      </c>
      <c r="C15" s="417" t="s">
        <v>474</v>
      </c>
      <c r="D15" s="475">
        <v>0</v>
      </c>
      <c r="E15" s="475">
        <v>0</v>
      </c>
      <c r="F15" s="475">
        <v>0</v>
      </c>
      <c r="G15" s="336">
        <v>0</v>
      </c>
      <c r="H15" s="336">
        <v>0</v>
      </c>
      <c r="I15" s="336">
        <v>0</v>
      </c>
      <c r="J15" s="336">
        <v>0</v>
      </c>
      <c r="K15" s="336">
        <v>0</v>
      </c>
    </row>
    <row r="16" spans="2:13" s="318" customFormat="1" ht="20.25" customHeight="1">
      <c r="B16" s="436" t="s">
        <v>473</v>
      </c>
      <c r="C16" s="421" t="s">
        <v>510</v>
      </c>
      <c r="D16" s="478">
        <v>0</v>
      </c>
      <c r="E16" s="478">
        <v>0</v>
      </c>
      <c r="F16" s="478">
        <v>0</v>
      </c>
      <c r="G16" s="479">
        <v>0</v>
      </c>
      <c r="H16" s="479">
        <v>0</v>
      </c>
      <c r="I16" s="479">
        <v>0</v>
      </c>
      <c r="J16" s="479">
        <v>0</v>
      </c>
      <c r="K16" s="479">
        <v>0</v>
      </c>
    </row>
    <row r="17" spans="2:11" s="481" customFormat="1" ht="20.25" customHeight="1" thickBot="1">
      <c r="B17" s="439">
        <v>100</v>
      </c>
      <c r="C17" s="424" t="s">
        <v>40</v>
      </c>
      <c r="D17" s="480">
        <v>311608.78899999999</v>
      </c>
      <c r="E17" s="480">
        <v>382054.223</v>
      </c>
      <c r="F17" s="480">
        <v>382054.223</v>
      </c>
      <c r="G17" s="480">
        <v>382054.223</v>
      </c>
      <c r="H17" s="480">
        <v>-27057.127</v>
      </c>
      <c r="I17" s="480">
        <v>-236486.09700000001</v>
      </c>
      <c r="J17" s="480">
        <v>364343.03600000002</v>
      </c>
      <c r="K17" s="480">
        <v>126639.133</v>
      </c>
    </row>
  </sheetData>
  <mergeCells count="8">
    <mergeCell ref="D4:G4"/>
    <mergeCell ref="H4:I4"/>
    <mergeCell ref="J4:K4"/>
    <mergeCell ref="D5:D6"/>
    <mergeCell ref="E5:G5"/>
    <mergeCell ref="H5:H6"/>
    <mergeCell ref="I5:I6"/>
    <mergeCell ref="K5:K6"/>
  </mergeCells>
  <hyperlinks>
    <hyperlink ref="M2" location="Índice!A1" display="Voltar ao Índice" xr:uid="{00000000-0004-0000-2100-000000000000}"/>
    <hyperlink ref="M1" location="Índice!A1" display="Voltar ao Índice" xr:uid="{00000000-0004-0000-2100-000001000000}"/>
  </hyperlinks>
  <pageMargins left="0.70866141732283472" right="0.70866141732283472" top="0.74803149606299213" bottom="0.74803149606299213" header="0.31496062992125984" footer="0.31496062992125984"/>
  <pageSetup paperSize="9" scale="52" fitToHeight="0" orientation="landscape" r:id="rId1"/>
  <headerFooter>
    <oddFooter>&amp;C1</oddFooter>
  </headerFooter>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200-000000000000}">
  <sheetPr>
    <tabColor rgb="FFFF0000"/>
  </sheetPr>
  <dimension ref="B1:K28"/>
  <sheetViews>
    <sheetView showGridLines="0" zoomScaleNormal="100" zoomScalePageLayoutView="80" workbookViewId="0"/>
  </sheetViews>
  <sheetFormatPr defaultColWidth="8.7109375" defaultRowHeight="18.75"/>
  <cols>
    <col min="1" max="2" width="4.7109375" style="9" customWidth="1"/>
    <col min="3" max="3" width="49" style="9" customWidth="1"/>
    <col min="4" max="9" width="22.140625" style="9" customWidth="1"/>
    <col min="10" max="10" width="8.7109375" style="9"/>
    <col min="11" max="11" width="13.140625" style="9" bestFit="1" customWidth="1"/>
    <col min="12" max="16384" width="8.7109375" style="9"/>
  </cols>
  <sheetData>
    <row r="1" spans="2:11" ht="24">
      <c r="B1" s="8" t="s">
        <v>515</v>
      </c>
      <c r="K1" s="53" t="s">
        <v>945</v>
      </c>
    </row>
    <row r="2" spans="2:11" ht="19.5">
      <c r="B2" s="262" t="s">
        <v>750</v>
      </c>
      <c r="C2" s="444"/>
      <c r="D2" s="444"/>
      <c r="E2" s="925"/>
      <c r="F2" s="925"/>
      <c r="G2" s="444"/>
      <c r="H2" s="444"/>
      <c r="I2" s="444"/>
    </row>
    <row r="3" spans="2:11" ht="19.5">
      <c r="C3" s="444"/>
      <c r="D3" s="444"/>
      <c r="E3" s="444"/>
      <c r="F3" s="444"/>
      <c r="G3" s="444"/>
      <c r="H3" s="444"/>
      <c r="I3" s="444"/>
    </row>
    <row r="4" spans="2:11" s="49" customFormat="1" ht="16.5">
      <c r="B4" s="239"/>
      <c r="C4" s="239"/>
      <c r="D4" s="264" t="s">
        <v>4</v>
      </c>
      <c r="E4" s="264" t="s">
        <v>5</v>
      </c>
      <c r="F4" s="264" t="s">
        <v>6</v>
      </c>
      <c r="G4" s="264" t="s">
        <v>41</v>
      </c>
      <c r="H4" s="264" t="s">
        <v>42</v>
      </c>
      <c r="I4" s="264" t="s">
        <v>94</v>
      </c>
    </row>
    <row r="5" spans="2:11" s="240" customFormat="1" ht="16.5" customHeight="1">
      <c r="B5" s="445"/>
      <c r="C5" s="445"/>
      <c r="D5" s="926" t="s">
        <v>516</v>
      </c>
      <c r="E5" s="926"/>
      <c r="F5" s="926"/>
      <c r="G5" s="926"/>
      <c r="H5" s="926" t="s">
        <v>511</v>
      </c>
      <c r="I5" s="926" t="s">
        <v>512</v>
      </c>
    </row>
    <row r="6" spans="2:11" s="240" customFormat="1" ht="25.15" customHeight="1">
      <c r="B6" s="445"/>
      <c r="C6" s="445"/>
      <c r="D6" s="446"/>
      <c r="E6" s="927" t="s">
        <v>513</v>
      </c>
      <c r="F6" s="927"/>
      <c r="G6" s="447" t="s">
        <v>517</v>
      </c>
      <c r="H6" s="927"/>
      <c r="I6" s="927"/>
    </row>
    <row r="7" spans="2:11" s="240" customFormat="1" ht="20.25" customHeight="1">
      <c r="B7" s="445"/>
      <c r="C7" s="445"/>
      <c r="D7" s="447"/>
      <c r="E7" s="929"/>
      <c r="F7" s="927" t="s">
        <v>508</v>
      </c>
      <c r="G7" s="929"/>
      <c r="H7" s="927"/>
      <c r="I7" s="927"/>
    </row>
    <row r="8" spans="2:11" s="240" customFormat="1" ht="20.25" customHeight="1" thickBot="1">
      <c r="B8" s="446"/>
      <c r="C8" s="446"/>
      <c r="D8" s="48"/>
      <c r="E8" s="930"/>
      <c r="F8" s="928"/>
      <c r="G8" s="930"/>
      <c r="H8" s="928"/>
      <c r="I8" s="928"/>
    </row>
    <row r="9" spans="2:11" s="452" customFormat="1" ht="20.25" customHeight="1">
      <c r="B9" s="449" t="s">
        <v>238</v>
      </c>
      <c r="C9" s="450" t="s">
        <v>518</v>
      </c>
      <c r="D9" s="451">
        <v>291144.96799999999</v>
      </c>
      <c r="E9" s="451">
        <v>7661.0730000000003</v>
      </c>
      <c r="F9" s="451">
        <v>7661.0730000000003</v>
      </c>
      <c r="G9" s="451">
        <v>291144.96799999999</v>
      </c>
      <c r="H9" s="451">
        <v>-8045.7790000000005</v>
      </c>
      <c r="I9" s="451">
        <v>0</v>
      </c>
    </row>
    <row r="10" spans="2:11" s="452" customFormat="1" ht="20.25" customHeight="1">
      <c r="B10" s="453" t="s">
        <v>240</v>
      </c>
      <c r="C10" s="454" t="s">
        <v>519</v>
      </c>
      <c r="D10" s="455">
        <v>13510.876</v>
      </c>
      <c r="E10" s="455">
        <v>1809.6859999999999</v>
      </c>
      <c r="F10" s="455">
        <v>1809.6859999999999</v>
      </c>
      <c r="G10" s="455">
        <v>13510.876</v>
      </c>
      <c r="H10" s="455">
        <v>-1201.8900000000001</v>
      </c>
      <c r="I10" s="455">
        <v>0</v>
      </c>
    </row>
    <row r="11" spans="2:11" s="452" customFormat="1" ht="20.25" customHeight="1">
      <c r="B11" s="453" t="s">
        <v>461</v>
      </c>
      <c r="C11" s="454" t="s">
        <v>520</v>
      </c>
      <c r="D11" s="455">
        <v>1592868.085</v>
      </c>
      <c r="E11" s="455">
        <v>84532.058000000005</v>
      </c>
      <c r="F11" s="455">
        <v>84532.058000000005</v>
      </c>
      <c r="G11" s="455">
        <v>1592868.085</v>
      </c>
      <c r="H11" s="455">
        <v>-73477.387000000002</v>
      </c>
      <c r="I11" s="455">
        <v>0</v>
      </c>
    </row>
    <row r="12" spans="2:11" s="452" customFormat="1" ht="20.25" customHeight="1">
      <c r="B12" s="453" t="s">
        <v>463</v>
      </c>
      <c r="C12" s="454" t="s">
        <v>521</v>
      </c>
      <c r="D12" s="455">
        <v>431849.55599999998</v>
      </c>
      <c r="E12" s="455">
        <v>77.361000000000004</v>
      </c>
      <c r="F12" s="455">
        <v>77.361000000000004</v>
      </c>
      <c r="G12" s="455">
        <v>431849.55599999998</v>
      </c>
      <c r="H12" s="455">
        <v>-218.511</v>
      </c>
      <c r="I12" s="455">
        <v>0</v>
      </c>
    </row>
    <row r="13" spans="2:11" s="452" customFormat="1" ht="20.25" customHeight="1">
      <c r="B13" s="453" t="s">
        <v>465</v>
      </c>
      <c r="C13" s="454" t="s">
        <v>522</v>
      </c>
      <c r="D13" s="455">
        <v>35750.805999999997</v>
      </c>
      <c r="E13" s="456">
        <v>1648.163</v>
      </c>
      <c r="F13" s="456">
        <v>1648.163</v>
      </c>
      <c r="G13" s="455">
        <v>35750.805999999997</v>
      </c>
      <c r="H13" s="455">
        <v>-1678.3150000000001</v>
      </c>
      <c r="I13" s="455">
        <v>0</v>
      </c>
    </row>
    <row r="14" spans="2:11" s="452" customFormat="1" ht="20.25" customHeight="1">
      <c r="B14" s="453" t="s">
        <v>467</v>
      </c>
      <c r="C14" s="454" t="s">
        <v>523</v>
      </c>
      <c r="D14" s="455">
        <v>879537.39599999995</v>
      </c>
      <c r="E14" s="455">
        <v>43330.709000000003</v>
      </c>
      <c r="F14" s="455">
        <v>43330.709000000003</v>
      </c>
      <c r="G14" s="455">
        <v>879537.39599999995</v>
      </c>
      <c r="H14" s="455">
        <v>-38151.892999999996</v>
      </c>
      <c r="I14" s="455">
        <v>0</v>
      </c>
    </row>
    <row r="15" spans="2:11" s="452" customFormat="1" ht="20.25" customHeight="1">
      <c r="B15" s="453" t="s">
        <v>469</v>
      </c>
      <c r="C15" s="454" t="s">
        <v>524</v>
      </c>
      <c r="D15" s="455">
        <v>1819335.0449999999</v>
      </c>
      <c r="E15" s="455">
        <v>79075.145999999993</v>
      </c>
      <c r="F15" s="455">
        <v>79075.145999999993</v>
      </c>
      <c r="G15" s="455">
        <v>1819335.0449999999</v>
      </c>
      <c r="H15" s="455">
        <v>-68182.517000000007</v>
      </c>
      <c r="I15" s="455">
        <v>0</v>
      </c>
    </row>
    <row r="16" spans="2:11" s="452" customFormat="1" ht="20.25" customHeight="1">
      <c r="B16" s="453" t="s">
        <v>471</v>
      </c>
      <c r="C16" s="454" t="s">
        <v>525</v>
      </c>
      <c r="D16" s="455">
        <v>472611.31900000002</v>
      </c>
      <c r="E16" s="455">
        <v>49481.811000000002</v>
      </c>
      <c r="F16" s="455">
        <v>49481.811000000002</v>
      </c>
      <c r="G16" s="455">
        <v>472611.31900000002</v>
      </c>
      <c r="H16" s="455">
        <v>-30707.257000000001</v>
      </c>
      <c r="I16" s="455">
        <v>0</v>
      </c>
    </row>
    <row r="17" spans="2:9" s="452" customFormat="1" ht="20.25" customHeight="1">
      <c r="B17" s="457" t="s">
        <v>473</v>
      </c>
      <c r="C17" s="454" t="s">
        <v>526</v>
      </c>
      <c r="D17" s="455">
        <v>1121826.5220000001</v>
      </c>
      <c r="E17" s="455">
        <v>86351.225999999995</v>
      </c>
      <c r="F17" s="455">
        <v>86351.225999999995</v>
      </c>
      <c r="G17" s="455">
        <v>1121826.5220000001</v>
      </c>
      <c r="H17" s="455">
        <v>-70400.907999999996</v>
      </c>
      <c r="I17" s="455">
        <v>0</v>
      </c>
    </row>
    <row r="18" spans="2:9" s="452" customFormat="1" ht="20.25" customHeight="1">
      <c r="B18" s="453" t="s">
        <v>475</v>
      </c>
      <c r="C18" s="454" t="s">
        <v>527</v>
      </c>
      <c r="D18" s="458">
        <v>89640.116999999998</v>
      </c>
      <c r="E18" s="458">
        <v>3124.5619999999999</v>
      </c>
      <c r="F18" s="458">
        <v>3124.5619999999999</v>
      </c>
      <c r="G18" s="458">
        <v>89640.116999999998</v>
      </c>
      <c r="H18" s="458">
        <v>-3238.5430000000001</v>
      </c>
      <c r="I18" s="458">
        <v>0</v>
      </c>
    </row>
    <row r="19" spans="2:9" s="452" customFormat="1" ht="20.25" customHeight="1">
      <c r="B19" s="453" t="s">
        <v>476</v>
      </c>
      <c r="C19" s="454" t="s">
        <v>528</v>
      </c>
      <c r="D19" s="458">
        <v>0</v>
      </c>
      <c r="E19" s="458">
        <v>0</v>
      </c>
      <c r="F19" s="458">
        <v>0</v>
      </c>
      <c r="G19" s="458">
        <v>0</v>
      </c>
      <c r="H19" s="458">
        <v>0</v>
      </c>
      <c r="I19" s="458">
        <v>0</v>
      </c>
    </row>
    <row r="20" spans="2:9" s="452" customFormat="1" ht="20.25" customHeight="1">
      <c r="B20" s="453" t="s">
        <v>477</v>
      </c>
      <c r="C20" s="454" t="s">
        <v>529</v>
      </c>
      <c r="D20" s="458">
        <v>1149793.7660000001</v>
      </c>
      <c r="E20" s="458">
        <v>28048.686000000002</v>
      </c>
      <c r="F20" s="458">
        <v>28048.686000000002</v>
      </c>
      <c r="G20" s="458">
        <v>1149793.7660000001</v>
      </c>
      <c r="H20" s="458">
        <v>-26132.973000000002</v>
      </c>
      <c r="I20" s="458">
        <v>0</v>
      </c>
    </row>
    <row r="21" spans="2:9" s="452" customFormat="1" ht="20.25" customHeight="1">
      <c r="B21" s="453" t="s">
        <v>478</v>
      </c>
      <c r="C21" s="454" t="s">
        <v>530</v>
      </c>
      <c r="D21" s="458">
        <v>628015.06000000006</v>
      </c>
      <c r="E21" s="458">
        <v>11506.24</v>
      </c>
      <c r="F21" s="458">
        <v>11506.24</v>
      </c>
      <c r="G21" s="458">
        <v>628015.06000000006</v>
      </c>
      <c r="H21" s="458">
        <v>-15211.901</v>
      </c>
      <c r="I21" s="458">
        <v>0</v>
      </c>
    </row>
    <row r="22" spans="2:9" s="452" customFormat="1" ht="20.25" customHeight="1">
      <c r="B22" s="453" t="s">
        <v>479</v>
      </c>
      <c r="C22" s="454" t="s">
        <v>531</v>
      </c>
      <c r="D22" s="458">
        <v>373774.31900000002</v>
      </c>
      <c r="E22" s="458">
        <v>20506.646000000001</v>
      </c>
      <c r="F22" s="458">
        <v>20506.646000000001</v>
      </c>
      <c r="G22" s="458">
        <v>373774.31900000002</v>
      </c>
      <c r="H22" s="458">
        <v>-27793.404999999999</v>
      </c>
      <c r="I22" s="458">
        <v>0</v>
      </c>
    </row>
    <row r="23" spans="2:9" s="452" customFormat="1" ht="20.25" customHeight="1">
      <c r="B23" s="457" t="s">
        <v>480</v>
      </c>
      <c r="C23" s="454" t="s">
        <v>532</v>
      </c>
      <c r="D23" s="458">
        <v>25745.899000000001</v>
      </c>
      <c r="E23" s="458">
        <v>20.466999999999999</v>
      </c>
      <c r="F23" s="458">
        <v>20.466999999999999</v>
      </c>
      <c r="G23" s="458">
        <v>25745.899000000001</v>
      </c>
      <c r="H23" s="458">
        <v>-101.36199999999999</v>
      </c>
      <c r="I23" s="458">
        <v>0</v>
      </c>
    </row>
    <row r="24" spans="2:9" s="452" customFormat="1" ht="20.25" customHeight="1">
      <c r="B24" s="453" t="s">
        <v>481</v>
      </c>
      <c r="C24" s="454" t="s">
        <v>533</v>
      </c>
      <c r="D24" s="458">
        <v>60173.7</v>
      </c>
      <c r="E24" s="458">
        <v>797.12</v>
      </c>
      <c r="F24" s="458">
        <v>797.12</v>
      </c>
      <c r="G24" s="458">
        <v>60173.7</v>
      </c>
      <c r="H24" s="458">
        <v>-1292.933</v>
      </c>
      <c r="I24" s="458">
        <v>0</v>
      </c>
    </row>
    <row r="25" spans="2:9" s="452" customFormat="1" ht="20.25" customHeight="1">
      <c r="B25" s="453" t="s">
        <v>482</v>
      </c>
      <c r="C25" s="454" t="s">
        <v>534</v>
      </c>
      <c r="D25" s="458">
        <v>221450.68100000001</v>
      </c>
      <c r="E25" s="458">
        <v>3085.5</v>
      </c>
      <c r="F25" s="458">
        <v>3085.5</v>
      </c>
      <c r="G25" s="458">
        <v>221450.68100000001</v>
      </c>
      <c r="H25" s="458">
        <v>-4404.3389999999999</v>
      </c>
      <c r="I25" s="458">
        <v>0</v>
      </c>
    </row>
    <row r="26" spans="2:9" s="452" customFormat="1" ht="20.25" customHeight="1">
      <c r="B26" s="453" t="s">
        <v>483</v>
      </c>
      <c r="C26" s="454" t="s">
        <v>535</v>
      </c>
      <c r="D26" s="458">
        <v>87365.547999999995</v>
      </c>
      <c r="E26" s="458">
        <v>8454.6129999999994</v>
      </c>
      <c r="F26" s="458">
        <v>8454.6129999999994</v>
      </c>
      <c r="G26" s="458">
        <v>87365.547999999995</v>
      </c>
      <c r="H26" s="458">
        <v>-6069.4719999999998</v>
      </c>
      <c r="I26" s="458">
        <v>0</v>
      </c>
    </row>
    <row r="27" spans="2:9" s="452" customFormat="1" ht="20.25" customHeight="1">
      <c r="B27" s="459" t="s">
        <v>484</v>
      </c>
      <c r="C27" s="460" t="s">
        <v>536</v>
      </c>
      <c r="D27" s="461">
        <v>220766.89600000001</v>
      </c>
      <c r="E27" s="461">
        <v>2255.3270000000002</v>
      </c>
      <c r="F27" s="461">
        <v>2255.3270000000002</v>
      </c>
      <c r="G27" s="461">
        <v>220766.89600000001</v>
      </c>
      <c r="H27" s="461">
        <v>-5686.6970000000001</v>
      </c>
      <c r="I27" s="461">
        <v>0</v>
      </c>
    </row>
    <row r="28" spans="2:9" s="452" customFormat="1" ht="20.25" customHeight="1" thickBot="1">
      <c r="B28" s="462" t="s">
        <v>485</v>
      </c>
      <c r="C28" s="463" t="s">
        <v>40</v>
      </c>
      <c r="D28" s="464">
        <v>9515160.5589999985</v>
      </c>
      <c r="E28" s="465">
        <v>431766.39399999997</v>
      </c>
      <c r="F28" s="465">
        <v>431766.39399999997</v>
      </c>
      <c r="G28" s="465">
        <v>9515160.5589999985</v>
      </c>
      <c r="H28" s="465">
        <v>-381996.08200000011</v>
      </c>
      <c r="I28" s="465">
        <v>0</v>
      </c>
    </row>
  </sheetData>
  <mergeCells count="8">
    <mergeCell ref="E2:F2"/>
    <mergeCell ref="D5:G5"/>
    <mergeCell ref="H5:H8"/>
    <mergeCell ref="I5:I8"/>
    <mergeCell ref="E6:F6"/>
    <mergeCell ref="E7:E8"/>
    <mergeCell ref="F7:F8"/>
    <mergeCell ref="G7:G8"/>
  </mergeCells>
  <hyperlinks>
    <hyperlink ref="K1" location="Índice!A1" display="Voltar ao Índice" xr:uid="{00000000-0004-0000-22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300-000000000000}">
  <sheetPr>
    <tabColor rgb="FFFF0000"/>
  </sheetPr>
  <dimension ref="B1:I14"/>
  <sheetViews>
    <sheetView showGridLines="0" zoomScaleNormal="100" zoomScalePageLayoutView="80" workbookViewId="0"/>
  </sheetViews>
  <sheetFormatPr defaultColWidth="8.7109375" defaultRowHeight="18.75"/>
  <cols>
    <col min="1" max="2" width="4.7109375" style="9" customWidth="1"/>
    <col min="3" max="3" width="26.42578125" style="9" customWidth="1"/>
    <col min="4" max="4" width="15" style="9" customWidth="1"/>
    <col min="5" max="6" width="23.140625" style="9" customWidth="1"/>
    <col min="7" max="8" width="8.7109375" style="9"/>
    <col min="9" max="9" width="13.140625" style="9" bestFit="1" customWidth="1"/>
    <col min="10" max="16384" width="8.7109375" style="9"/>
  </cols>
  <sheetData>
    <row r="1" spans="2:9" ht="24">
      <c r="B1" s="8" t="s">
        <v>439</v>
      </c>
      <c r="I1" s="53" t="s">
        <v>945</v>
      </c>
    </row>
    <row r="2" spans="2:9" s="130" customFormat="1" ht="19.5">
      <c r="B2" s="262" t="s">
        <v>750</v>
      </c>
      <c r="C2" s="426"/>
      <c r="D2" s="93"/>
      <c r="E2" s="93"/>
      <c r="F2" s="93"/>
    </row>
    <row r="3" spans="2:9" s="269" customFormat="1" ht="20.100000000000001" customHeight="1">
      <c r="B3" s="936"/>
      <c r="C3" s="936"/>
      <c r="E3" s="317" t="s">
        <v>4</v>
      </c>
      <c r="F3" s="317" t="s">
        <v>5</v>
      </c>
    </row>
    <row r="4" spans="2:9" s="269" customFormat="1" ht="20.100000000000001" customHeight="1">
      <c r="B4" s="936"/>
      <c r="C4" s="936"/>
      <c r="E4" s="907" t="s">
        <v>537</v>
      </c>
      <c r="F4" s="907"/>
    </row>
    <row r="5" spans="2:9" s="269" customFormat="1" ht="20.100000000000001" customHeight="1">
      <c r="B5" s="936"/>
      <c r="C5" s="936"/>
      <c r="D5" s="275"/>
      <c r="E5" s="876"/>
      <c r="F5" s="876"/>
    </row>
    <row r="6" spans="2:9" s="269" customFormat="1" ht="33.75" thickBot="1">
      <c r="B6" s="936"/>
      <c r="C6" s="936"/>
      <c r="D6" s="275"/>
      <c r="E6" s="441" t="s">
        <v>538</v>
      </c>
      <c r="F6" s="441" t="s">
        <v>539</v>
      </c>
    </row>
    <row r="7" spans="2:9" s="269" customFormat="1" ht="20.100000000000001" customHeight="1">
      <c r="B7" s="431" t="s">
        <v>238</v>
      </c>
      <c r="C7" s="933" t="s">
        <v>540</v>
      </c>
      <c r="D7" s="933"/>
      <c r="E7" s="442">
        <v>0</v>
      </c>
      <c r="F7" s="442">
        <v>0</v>
      </c>
    </row>
    <row r="8" spans="2:9" s="269" customFormat="1" ht="20.100000000000001" customHeight="1">
      <c r="B8" s="433" t="s">
        <v>240</v>
      </c>
      <c r="C8" s="934" t="s">
        <v>541</v>
      </c>
      <c r="D8" s="934"/>
      <c r="E8" s="434">
        <v>84074.339000000007</v>
      </c>
      <c r="F8" s="434">
        <v>-32725.848999999998</v>
      </c>
    </row>
    <row r="9" spans="2:9" s="269" customFormat="1" ht="20.100000000000001" customHeight="1">
      <c r="B9" s="433" t="s">
        <v>461</v>
      </c>
      <c r="C9" s="935" t="s">
        <v>542</v>
      </c>
      <c r="D9" s="935"/>
      <c r="E9" s="434">
        <v>28037.148000000001</v>
      </c>
      <c r="F9" s="434">
        <v>-15794.468999999999</v>
      </c>
    </row>
    <row r="10" spans="2:9" s="269" customFormat="1" ht="20.100000000000001" customHeight="1">
      <c r="B10" s="433" t="s">
        <v>463</v>
      </c>
      <c r="C10" s="935" t="s">
        <v>543</v>
      </c>
      <c r="D10" s="935"/>
      <c r="E10" s="434">
        <v>45868.349000000002</v>
      </c>
      <c r="F10" s="434">
        <v>-7048.05</v>
      </c>
    </row>
    <row r="11" spans="2:9" s="269" customFormat="1" ht="20.100000000000001" customHeight="1">
      <c r="B11" s="433" t="s">
        <v>465</v>
      </c>
      <c r="C11" s="935" t="s">
        <v>544</v>
      </c>
      <c r="D11" s="935"/>
      <c r="E11" s="434">
        <v>2083.8249999999998</v>
      </c>
      <c r="F11" s="434">
        <v>-1952.896</v>
      </c>
    </row>
    <row r="12" spans="2:9" s="269" customFormat="1" ht="20.100000000000001" customHeight="1">
      <c r="B12" s="433" t="s">
        <v>467</v>
      </c>
      <c r="C12" s="935" t="s">
        <v>545</v>
      </c>
      <c r="D12" s="935"/>
      <c r="E12" s="434">
        <v>0</v>
      </c>
      <c r="F12" s="434">
        <v>0</v>
      </c>
    </row>
    <row r="13" spans="2:9" s="269" customFormat="1" ht="20.100000000000001" customHeight="1">
      <c r="B13" s="436" t="s">
        <v>469</v>
      </c>
      <c r="C13" s="931" t="s">
        <v>546</v>
      </c>
      <c r="D13" s="931"/>
      <c r="E13" s="438">
        <v>8085.0169999999998</v>
      </c>
      <c r="F13" s="438">
        <v>-7930.4340000000002</v>
      </c>
    </row>
    <row r="14" spans="2:9" s="269" customFormat="1" ht="20.100000000000001" customHeight="1" thickBot="1">
      <c r="B14" s="439" t="s">
        <v>471</v>
      </c>
      <c r="C14" s="932" t="s">
        <v>40</v>
      </c>
      <c r="D14" s="932"/>
      <c r="E14" s="443">
        <v>84074.339000000007</v>
      </c>
      <c r="F14" s="443">
        <v>-32725.848999999998</v>
      </c>
    </row>
  </sheetData>
  <mergeCells count="13">
    <mergeCell ref="B6:C6"/>
    <mergeCell ref="B3:C3"/>
    <mergeCell ref="B4:C4"/>
    <mergeCell ref="E4:F5"/>
    <mergeCell ref="B5:C5"/>
    <mergeCell ref="C13:D13"/>
    <mergeCell ref="C14:D14"/>
    <mergeCell ref="C7:D7"/>
    <mergeCell ref="C8:D8"/>
    <mergeCell ref="C9:D9"/>
    <mergeCell ref="C10:D10"/>
    <mergeCell ref="C11:D11"/>
    <mergeCell ref="C12:D12"/>
  </mergeCells>
  <hyperlinks>
    <hyperlink ref="I1" location="Índice!A1" display="Voltar ao Índice" xr:uid="{00000000-0004-0000-23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400-000000000000}">
  <sheetPr>
    <tabColor rgb="FFFF0000"/>
  </sheetPr>
  <dimension ref="B1:Q15"/>
  <sheetViews>
    <sheetView showGridLines="0" zoomScale="90" zoomScaleNormal="90" zoomScalePageLayoutView="80" workbookViewId="0"/>
  </sheetViews>
  <sheetFormatPr defaultColWidth="8.7109375" defaultRowHeight="18.75"/>
  <cols>
    <col min="1" max="1" width="4.7109375" style="9" customWidth="1"/>
    <col min="2" max="2" width="8.7109375" style="9"/>
    <col min="3" max="3" width="39.7109375" style="9" customWidth="1"/>
    <col min="4" max="5" width="14.5703125" style="9" customWidth="1"/>
    <col min="6" max="6" width="16.28515625" style="9" customWidth="1"/>
    <col min="7" max="7" width="14.5703125" style="9" customWidth="1"/>
    <col min="8" max="8" width="16.140625" style="9" customWidth="1"/>
    <col min="9" max="15" width="14.5703125" style="9" customWidth="1"/>
    <col min="16" max="16" width="8.7109375" style="9"/>
    <col min="17" max="17" width="13.140625" style="9" bestFit="1" customWidth="1"/>
    <col min="18" max="16384" width="8.7109375" style="9"/>
  </cols>
  <sheetData>
    <row r="1" spans="2:17" ht="24">
      <c r="B1" s="8" t="s">
        <v>440</v>
      </c>
      <c r="Q1" s="53" t="s">
        <v>945</v>
      </c>
    </row>
    <row r="2" spans="2:17" s="130" customFormat="1" ht="19.5">
      <c r="B2" s="262" t="s">
        <v>1188</v>
      </c>
      <c r="C2" s="426"/>
      <c r="D2" s="426"/>
      <c r="E2" s="937"/>
      <c r="F2" s="937"/>
      <c r="G2" s="937"/>
      <c r="H2" s="937"/>
      <c r="I2" s="937"/>
      <c r="J2" s="937"/>
      <c r="K2" s="937"/>
      <c r="L2" s="937"/>
      <c r="M2" s="937"/>
      <c r="N2" s="937"/>
      <c r="O2" s="426"/>
    </row>
    <row r="3" spans="2:17" s="130" customFormat="1" ht="19.5">
      <c r="C3" s="426"/>
      <c r="D3" s="426"/>
      <c r="E3" s="426"/>
      <c r="F3" s="426"/>
      <c r="G3" s="426"/>
      <c r="H3" s="426"/>
      <c r="I3" s="426"/>
      <c r="J3" s="426"/>
      <c r="K3" s="426"/>
      <c r="L3" s="426"/>
      <c r="M3" s="426"/>
      <c r="N3" s="426"/>
      <c r="O3" s="426"/>
    </row>
    <row r="4" spans="2:17" s="237" customFormat="1" ht="20.100000000000001" customHeight="1">
      <c r="B4" s="262"/>
      <c r="C4" s="262"/>
      <c r="D4" s="427" t="s">
        <v>4</v>
      </c>
      <c r="E4" s="428" t="s">
        <v>5</v>
      </c>
      <c r="F4" s="427" t="s">
        <v>6</v>
      </c>
      <c r="G4" s="428" t="s">
        <v>41</v>
      </c>
      <c r="H4" s="427" t="s">
        <v>42</v>
      </c>
      <c r="I4" s="427" t="s">
        <v>94</v>
      </c>
      <c r="J4" s="427" t="s">
        <v>95</v>
      </c>
      <c r="K4" s="427" t="s">
        <v>96</v>
      </c>
      <c r="L4" s="427" t="s">
        <v>218</v>
      </c>
      <c r="M4" s="427" t="s">
        <v>219</v>
      </c>
      <c r="N4" s="427" t="s">
        <v>220</v>
      </c>
      <c r="O4" s="427" t="s">
        <v>221</v>
      </c>
    </row>
    <row r="5" spans="2:17" s="237" customFormat="1" ht="24.95" customHeight="1">
      <c r="D5" s="938" t="s">
        <v>547</v>
      </c>
      <c r="E5" s="938"/>
      <c r="F5" s="939" t="s">
        <v>548</v>
      </c>
      <c r="G5" s="939"/>
      <c r="H5" s="939"/>
      <c r="I5" s="939"/>
      <c r="J5" s="429"/>
      <c r="K5" s="429"/>
      <c r="L5" s="429"/>
      <c r="M5" s="429"/>
      <c r="N5" s="429"/>
      <c r="O5" s="429"/>
    </row>
    <row r="6" spans="2:17" s="237" customFormat="1" ht="24.95" customHeight="1">
      <c r="C6" s="430"/>
      <c r="D6" s="885"/>
      <c r="E6" s="885"/>
      <c r="F6" s="16"/>
      <c r="G6" s="16"/>
      <c r="H6" s="876" t="s">
        <v>549</v>
      </c>
      <c r="I6" s="876"/>
      <c r="J6" s="876" t="s">
        <v>550</v>
      </c>
      <c r="K6" s="876"/>
      <c r="L6" s="876" t="s">
        <v>551</v>
      </c>
      <c r="M6" s="876"/>
      <c r="N6" s="876" t="s">
        <v>552</v>
      </c>
      <c r="O6" s="876"/>
    </row>
    <row r="7" spans="2:17" s="237" customFormat="1" ht="50.25" thickBot="1">
      <c r="B7" s="262"/>
      <c r="C7" s="430"/>
      <c r="D7" s="270" t="s">
        <v>516</v>
      </c>
      <c r="E7" s="270" t="s">
        <v>539</v>
      </c>
      <c r="F7" s="270" t="s">
        <v>538</v>
      </c>
      <c r="G7" s="270" t="s">
        <v>539</v>
      </c>
      <c r="H7" s="270" t="s">
        <v>538</v>
      </c>
      <c r="I7" s="270" t="s">
        <v>539</v>
      </c>
      <c r="J7" s="270" t="s">
        <v>538</v>
      </c>
      <c r="K7" s="270" t="s">
        <v>539</v>
      </c>
      <c r="L7" s="270" t="s">
        <v>538</v>
      </c>
      <c r="M7" s="270" t="s">
        <v>539</v>
      </c>
      <c r="N7" s="270" t="s">
        <v>538</v>
      </c>
      <c r="O7" s="270" t="s">
        <v>539</v>
      </c>
    </row>
    <row r="8" spans="2:17" s="318" customFormat="1" ht="24.95" customHeight="1">
      <c r="B8" s="431" t="s">
        <v>238</v>
      </c>
      <c r="C8" s="242" t="s">
        <v>553</v>
      </c>
      <c r="D8" s="431">
        <v>0</v>
      </c>
      <c r="E8" s="431">
        <v>0</v>
      </c>
      <c r="F8" s="431">
        <v>0</v>
      </c>
      <c r="G8" s="431">
        <v>0</v>
      </c>
      <c r="H8" s="432"/>
      <c r="I8" s="432"/>
      <c r="J8" s="432"/>
      <c r="K8" s="432"/>
      <c r="L8" s="432"/>
      <c r="M8" s="432"/>
      <c r="N8" s="432"/>
      <c r="O8" s="432"/>
    </row>
    <row r="9" spans="2:17" s="318" customFormat="1" ht="24.95" customHeight="1">
      <c r="B9" s="433" t="s">
        <v>240</v>
      </c>
      <c r="C9" s="417" t="s">
        <v>554</v>
      </c>
      <c r="D9" s="434">
        <v>0</v>
      </c>
      <c r="E9" s="434">
        <v>0</v>
      </c>
      <c r="F9" s="434">
        <v>84074.339000000007</v>
      </c>
      <c r="G9" s="434">
        <v>-32725.848999999998</v>
      </c>
      <c r="H9" s="434">
        <v>35372.095999999998</v>
      </c>
      <c r="I9" s="434">
        <v>-598.14400000000001</v>
      </c>
      <c r="J9" s="434">
        <v>2096.1550000000002</v>
      </c>
      <c r="K9" s="434">
        <v>-505.33600000000001</v>
      </c>
      <c r="L9" s="434">
        <v>46606.088000000003</v>
      </c>
      <c r="M9" s="434">
        <v>-31622.368999999999</v>
      </c>
      <c r="N9" s="435">
        <v>21346.917000000001</v>
      </c>
      <c r="O9" s="435">
        <v>-9869.16</v>
      </c>
    </row>
    <row r="10" spans="2:17" s="318" customFormat="1" ht="20.100000000000001" customHeight="1">
      <c r="B10" s="433" t="s">
        <v>461</v>
      </c>
      <c r="C10" s="355" t="s">
        <v>542</v>
      </c>
      <c r="D10" s="434">
        <v>0</v>
      </c>
      <c r="E10" s="434">
        <v>0</v>
      </c>
      <c r="F10" s="434">
        <v>28037.148000000001</v>
      </c>
      <c r="G10" s="434">
        <v>-15794.468999999999</v>
      </c>
      <c r="H10" s="434">
        <v>2897.886</v>
      </c>
      <c r="I10" s="434">
        <v>-266.93799999999999</v>
      </c>
      <c r="J10" s="434">
        <v>758.59400000000005</v>
      </c>
      <c r="K10" s="434">
        <v>-102.745</v>
      </c>
      <c r="L10" s="434">
        <v>24380.668000000001</v>
      </c>
      <c r="M10" s="434">
        <v>-15424.786</v>
      </c>
      <c r="N10" s="434">
        <v>13724.664000000001</v>
      </c>
      <c r="O10" s="434">
        <v>-7230.2470000000003</v>
      </c>
    </row>
    <row r="11" spans="2:17" s="318" customFormat="1" ht="20.100000000000001" customHeight="1">
      <c r="B11" s="433" t="s">
        <v>463</v>
      </c>
      <c r="C11" s="355" t="s">
        <v>543</v>
      </c>
      <c r="D11" s="434">
        <v>0</v>
      </c>
      <c r="E11" s="434">
        <v>0</v>
      </c>
      <c r="F11" s="434">
        <v>45868.349000000002</v>
      </c>
      <c r="G11" s="434">
        <v>-7048.05</v>
      </c>
      <c r="H11" s="434">
        <v>32163.280999999999</v>
      </c>
      <c r="I11" s="434">
        <v>-38.540999999999997</v>
      </c>
      <c r="J11" s="434">
        <v>980.60199999999998</v>
      </c>
      <c r="K11" s="434">
        <v>-53.313000000000002</v>
      </c>
      <c r="L11" s="434">
        <v>12724.466</v>
      </c>
      <c r="M11" s="434">
        <v>-6956.1959999999999</v>
      </c>
      <c r="N11" s="434">
        <v>6021.134</v>
      </c>
      <c r="O11" s="434">
        <v>-1182.6500000000001</v>
      </c>
    </row>
    <row r="12" spans="2:17" s="318" customFormat="1" ht="20.100000000000001" customHeight="1">
      <c r="B12" s="433" t="s">
        <v>465</v>
      </c>
      <c r="C12" s="355" t="s">
        <v>544</v>
      </c>
      <c r="D12" s="434">
        <v>0</v>
      </c>
      <c r="E12" s="434">
        <v>0</v>
      </c>
      <c r="F12" s="434">
        <v>2083.8249999999998</v>
      </c>
      <c r="G12" s="434">
        <v>-1952.896</v>
      </c>
      <c r="H12" s="434">
        <v>310.92899999999997</v>
      </c>
      <c r="I12" s="434">
        <v>-292.66500000000002</v>
      </c>
      <c r="J12" s="434">
        <v>356.959</v>
      </c>
      <c r="K12" s="434">
        <v>-349.27800000000002</v>
      </c>
      <c r="L12" s="434">
        <v>1415.9369999999999</v>
      </c>
      <c r="M12" s="434">
        <v>-1310.953</v>
      </c>
      <c r="N12" s="434">
        <v>1586.623</v>
      </c>
      <c r="O12" s="434">
        <v>-1455.694</v>
      </c>
    </row>
    <row r="13" spans="2:17" s="318" customFormat="1" ht="20.100000000000001" customHeight="1">
      <c r="B13" s="433" t="s">
        <v>467</v>
      </c>
      <c r="C13" s="355" t="s">
        <v>545</v>
      </c>
      <c r="D13" s="434">
        <v>0</v>
      </c>
      <c r="E13" s="434">
        <v>0</v>
      </c>
      <c r="F13" s="434">
        <v>0</v>
      </c>
      <c r="G13" s="434">
        <v>0</v>
      </c>
      <c r="H13" s="434">
        <v>0</v>
      </c>
      <c r="I13" s="434">
        <v>0</v>
      </c>
      <c r="J13" s="434">
        <v>0</v>
      </c>
      <c r="K13" s="434">
        <v>0</v>
      </c>
      <c r="L13" s="434">
        <v>0</v>
      </c>
      <c r="M13" s="434">
        <v>0</v>
      </c>
      <c r="N13" s="434">
        <v>0</v>
      </c>
      <c r="O13" s="434">
        <v>0</v>
      </c>
    </row>
    <row r="14" spans="2:17" s="318" customFormat="1" ht="20.100000000000001" customHeight="1">
      <c r="B14" s="436" t="s">
        <v>469</v>
      </c>
      <c r="C14" s="437" t="s">
        <v>546</v>
      </c>
      <c r="D14" s="438">
        <v>0</v>
      </c>
      <c r="E14" s="438">
        <v>0</v>
      </c>
      <c r="F14" s="434">
        <v>8085.0169999999998</v>
      </c>
      <c r="G14" s="434">
        <v>-7930.4340000000002</v>
      </c>
      <c r="H14" s="434">
        <v>0</v>
      </c>
      <c r="I14" s="434">
        <v>0</v>
      </c>
      <c r="J14" s="434">
        <v>0</v>
      </c>
      <c r="K14" s="434">
        <v>0</v>
      </c>
      <c r="L14" s="434">
        <v>8085.0169999999998</v>
      </c>
      <c r="M14" s="434">
        <v>-7930.4340000000002</v>
      </c>
      <c r="N14" s="434">
        <v>14.496</v>
      </c>
      <c r="O14" s="434">
        <v>-0.56899999999999995</v>
      </c>
    </row>
    <row r="15" spans="2:17" s="318" customFormat="1" ht="20.100000000000001" customHeight="1" thickBot="1">
      <c r="B15" s="439" t="s">
        <v>471</v>
      </c>
      <c r="C15" s="424" t="s">
        <v>40</v>
      </c>
      <c r="D15" s="440">
        <v>0</v>
      </c>
      <c r="E15" s="440">
        <v>0</v>
      </c>
      <c r="F15" s="440">
        <v>84074.339000000007</v>
      </c>
      <c r="G15" s="440">
        <v>-32725.848999999998</v>
      </c>
      <c r="H15" s="440">
        <v>35372.095999999998</v>
      </c>
      <c r="I15" s="440">
        <v>-598.14400000000001</v>
      </c>
      <c r="J15" s="440">
        <v>2096.1550000000002</v>
      </c>
      <c r="K15" s="440">
        <v>-505.33600000000001</v>
      </c>
      <c r="L15" s="440">
        <v>46606.088000000003</v>
      </c>
      <c r="M15" s="440">
        <v>-31622.368999999999</v>
      </c>
      <c r="N15" s="440">
        <v>21346.917000000001</v>
      </c>
      <c r="O15" s="440">
        <v>-9869.16</v>
      </c>
    </row>
  </sheetData>
  <mergeCells count="11">
    <mergeCell ref="L6:M6"/>
    <mergeCell ref="N6:O6"/>
    <mergeCell ref="D5:E6"/>
    <mergeCell ref="F5:I5"/>
    <mergeCell ref="H6:I6"/>
    <mergeCell ref="J6:K6"/>
    <mergeCell ref="E2:F2"/>
    <mergeCell ref="G2:H2"/>
    <mergeCell ref="I2:J2"/>
    <mergeCell ref="K2:L2"/>
    <mergeCell ref="M2:N2"/>
  </mergeCells>
  <hyperlinks>
    <hyperlink ref="Q1" location="Índice!A1" display="Voltar ao Índice" xr:uid="{00000000-0004-0000-2400-000000000000}"/>
  </hyperlinks>
  <pageMargins left="0.70866141732283472" right="0.70866141732283472" top="0.74803149606299213" bottom="0.74803149606299213" header="0.31496062992125984" footer="0.31496062992125984"/>
  <pageSetup paperSize="9" scale="51" orientation="landscape" r:id="rId1"/>
  <headerFooter>
    <oddFooter>&amp;C1</oddFooter>
  </headerFooter>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500-000000000000}">
  <sheetPr>
    <tabColor rgb="FFFF0000"/>
  </sheetPr>
  <dimension ref="B1:F20"/>
  <sheetViews>
    <sheetView showGridLines="0" zoomScaleNormal="100" zoomScalePageLayoutView="70" workbookViewId="0"/>
  </sheetViews>
  <sheetFormatPr defaultColWidth="9.140625" defaultRowHeight="18.75"/>
  <cols>
    <col min="1" max="1" width="4.7109375" style="9" customWidth="1"/>
    <col min="2" max="2" width="10" style="9" customWidth="1"/>
    <col min="3" max="3" width="86.140625" style="9" customWidth="1"/>
    <col min="4" max="4" width="17.140625" style="9" customWidth="1"/>
    <col min="5" max="5" width="9.140625" style="9"/>
    <col min="6" max="6" width="13.140625" style="9" bestFit="1" customWidth="1"/>
    <col min="7" max="16384" width="9.140625" style="9"/>
  </cols>
  <sheetData>
    <row r="1" spans="2:6" ht="57" customHeight="1">
      <c r="B1" s="940" t="s">
        <v>856</v>
      </c>
      <c r="C1" s="941"/>
      <c r="D1" s="941"/>
      <c r="F1" s="53" t="s">
        <v>945</v>
      </c>
    </row>
    <row r="2" spans="2:6" s="130" customFormat="1" ht="15" customHeight="1">
      <c r="B2" s="262" t="s">
        <v>750</v>
      </c>
      <c r="C2" s="413"/>
      <c r="D2" s="413"/>
    </row>
    <row r="3" spans="2:6" s="130" customFormat="1"/>
    <row r="4" spans="2:6" s="269" customFormat="1" ht="20.100000000000001" customHeight="1">
      <c r="D4" s="414" t="s">
        <v>4</v>
      </c>
    </row>
    <row r="5" spans="2:6" s="269" customFormat="1" ht="41.25" customHeight="1" thickBot="1">
      <c r="D5" s="271" t="s">
        <v>243</v>
      </c>
    </row>
    <row r="6" spans="2:6" s="318" customFormat="1" ht="24.95" customHeight="1">
      <c r="B6" s="241">
        <v>1</v>
      </c>
      <c r="C6" s="242" t="s">
        <v>244</v>
      </c>
      <c r="D6" s="416">
        <v>57527118.533</v>
      </c>
    </row>
    <row r="7" spans="2:6" s="318" customFormat="1" ht="24.95" customHeight="1">
      <c r="B7" s="245">
        <v>2</v>
      </c>
      <c r="C7" s="417" t="s">
        <v>245</v>
      </c>
      <c r="D7" s="418">
        <v>0</v>
      </c>
    </row>
    <row r="8" spans="2:6" s="318" customFormat="1" ht="24.95" customHeight="1">
      <c r="B8" s="245">
        <v>3</v>
      </c>
      <c r="C8" s="417" t="s">
        <v>246</v>
      </c>
      <c r="D8" s="418">
        <v>-627988.50289999996</v>
      </c>
    </row>
    <row r="9" spans="2:6" s="318" customFormat="1" ht="24.95" customHeight="1">
      <c r="B9" s="245">
        <v>4</v>
      </c>
      <c r="C9" s="417" t="s">
        <v>719</v>
      </c>
      <c r="D9" s="418">
        <v>0</v>
      </c>
    </row>
    <row r="10" spans="2:6" s="318" customFormat="1" ht="24.95" customHeight="1">
      <c r="B10" s="245">
        <v>5</v>
      </c>
      <c r="C10" s="417" t="s">
        <v>247</v>
      </c>
      <c r="D10" s="418">
        <v>0</v>
      </c>
    </row>
    <row r="11" spans="2:6" s="318" customFormat="1" ht="24.95" customHeight="1">
      <c r="B11" s="245">
        <v>6</v>
      </c>
      <c r="C11" s="417" t="s">
        <v>248</v>
      </c>
      <c r="D11" s="418">
        <v>0</v>
      </c>
    </row>
    <row r="12" spans="2:6" s="318" customFormat="1" ht="24.95" customHeight="1">
      <c r="B12" s="245">
        <v>7</v>
      </c>
      <c r="C12" s="417" t="s">
        <v>249</v>
      </c>
      <c r="D12" s="418">
        <v>0</v>
      </c>
    </row>
    <row r="13" spans="2:6" s="318" customFormat="1" ht="24.95" customHeight="1">
      <c r="B13" s="245">
        <v>8</v>
      </c>
      <c r="C13" s="417" t="s">
        <v>720</v>
      </c>
      <c r="D13" s="419">
        <v>-1070472.7560192251</v>
      </c>
    </row>
    <row r="14" spans="2:6" s="318" customFormat="1" ht="24.95" customHeight="1">
      <c r="B14" s="245">
        <v>9</v>
      </c>
      <c r="C14" s="417" t="s">
        <v>250</v>
      </c>
      <c r="D14" s="419">
        <v>876114.42828988994</v>
      </c>
    </row>
    <row r="15" spans="2:6" s="318" customFormat="1" ht="24.95" customHeight="1">
      <c r="B15" s="245">
        <v>10</v>
      </c>
      <c r="C15" s="417" t="s">
        <v>251</v>
      </c>
      <c r="D15" s="419">
        <v>2556725.9954562229</v>
      </c>
    </row>
    <row r="16" spans="2:6" s="318" customFormat="1" ht="24.95" customHeight="1">
      <c r="B16" s="245">
        <v>11</v>
      </c>
      <c r="C16" s="417" t="s">
        <v>252</v>
      </c>
      <c r="D16" s="419">
        <v>0</v>
      </c>
    </row>
    <row r="17" spans="2:4" s="318" customFormat="1" ht="24.95" customHeight="1">
      <c r="B17" s="245" t="s">
        <v>253</v>
      </c>
      <c r="C17" s="417" t="s">
        <v>254</v>
      </c>
      <c r="D17" s="419">
        <v>0</v>
      </c>
    </row>
    <row r="18" spans="2:4" s="318" customFormat="1" ht="24.95" customHeight="1">
      <c r="B18" s="245" t="s">
        <v>255</v>
      </c>
      <c r="C18" s="417" t="s">
        <v>256</v>
      </c>
      <c r="D18" s="419">
        <v>0</v>
      </c>
    </row>
    <row r="19" spans="2:4" s="318" customFormat="1" ht="24.95" customHeight="1">
      <c r="B19" s="420">
        <v>12</v>
      </c>
      <c r="C19" s="421" t="s">
        <v>257</v>
      </c>
      <c r="D19" s="422">
        <v>-210485.81359049212</v>
      </c>
    </row>
    <row r="20" spans="2:4" s="318" customFormat="1" ht="24.95" customHeight="1" thickBot="1">
      <c r="B20" s="423">
        <v>13</v>
      </c>
      <c r="C20" s="424" t="s">
        <v>73</v>
      </c>
      <c r="D20" s="425">
        <v>59051011.884236395</v>
      </c>
    </row>
  </sheetData>
  <mergeCells count="1">
    <mergeCell ref="B1:D1"/>
  </mergeCells>
  <hyperlinks>
    <hyperlink ref="F1" location="Índice!A1" display="Voltar ao Índice" xr:uid="{00000000-0004-0000-25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600-000000000000}">
  <sheetPr>
    <tabColor rgb="FFFF0000"/>
  </sheetPr>
  <dimension ref="B1:G71"/>
  <sheetViews>
    <sheetView showGridLines="0" zoomScaleNormal="100" zoomScalePageLayoutView="60" workbookViewId="0"/>
  </sheetViews>
  <sheetFormatPr defaultColWidth="9.140625" defaultRowHeight="43.5" customHeight="1"/>
  <cols>
    <col min="1" max="1" width="4.7109375" style="9" customWidth="1"/>
    <col min="2" max="2" width="8.5703125" style="412" customWidth="1"/>
    <col min="3" max="3" width="91.7109375" style="9" customWidth="1"/>
    <col min="4" max="4" width="21.28515625" style="9" customWidth="1"/>
    <col min="5" max="5" width="22" style="9" customWidth="1"/>
    <col min="6" max="6" width="9.140625" style="9"/>
    <col min="7" max="7" width="13.140625" style="9" bestFit="1" customWidth="1"/>
    <col min="8" max="16384" width="9.140625" style="9"/>
  </cols>
  <sheetData>
    <row r="1" spans="2:7" ht="24.75" customHeight="1">
      <c r="B1" s="8" t="s">
        <v>857</v>
      </c>
      <c r="G1" s="53" t="s">
        <v>945</v>
      </c>
    </row>
    <row r="2" spans="2:7" ht="16.149999999999999" customHeight="1">
      <c r="B2" s="262" t="s">
        <v>750</v>
      </c>
      <c r="C2" s="130"/>
      <c r="D2" s="130"/>
      <c r="E2" s="130"/>
    </row>
    <row r="3" spans="2:7" s="49" customFormat="1" ht="25.15" customHeight="1">
      <c r="B3" s="348"/>
      <c r="C3" s="269"/>
      <c r="D3" s="876" t="s">
        <v>258</v>
      </c>
      <c r="E3" s="876"/>
    </row>
    <row r="4" spans="2:7" s="49" customFormat="1" ht="25.15" customHeight="1">
      <c r="B4" s="943"/>
      <c r="C4" s="943"/>
      <c r="D4" s="317" t="s">
        <v>4</v>
      </c>
      <c r="E4" s="317" t="s">
        <v>5</v>
      </c>
    </row>
    <row r="5" spans="2:7" s="49" customFormat="1" ht="25.15" customHeight="1">
      <c r="B5" s="943"/>
      <c r="C5" s="943"/>
      <c r="D5" s="360">
        <v>45838</v>
      </c>
      <c r="E5" s="360">
        <v>45657</v>
      </c>
    </row>
    <row r="6" spans="2:7" s="361" customFormat="1" ht="25.15" customHeight="1" thickBot="1">
      <c r="B6" s="942" t="s">
        <v>259</v>
      </c>
      <c r="C6" s="942"/>
      <c r="D6" s="942"/>
      <c r="E6" s="942"/>
    </row>
    <row r="7" spans="2:7" s="361" customFormat="1" ht="25.15" customHeight="1">
      <c r="B7" s="303">
        <v>1</v>
      </c>
      <c r="C7" s="279" t="s">
        <v>260</v>
      </c>
      <c r="D7" s="362">
        <v>55552830.821149506</v>
      </c>
      <c r="E7" s="363">
        <v>53648042.945349999</v>
      </c>
    </row>
    <row r="8" spans="2:7" s="361" customFormat="1" ht="25.15" customHeight="1">
      <c r="B8" s="364">
        <v>2</v>
      </c>
      <c r="C8" s="288" t="s">
        <v>261</v>
      </c>
      <c r="D8" s="365">
        <v>0</v>
      </c>
      <c r="E8" s="366">
        <v>0</v>
      </c>
    </row>
    <row r="9" spans="2:7" s="361" customFormat="1" ht="25.15" customHeight="1">
      <c r="B9" s="364">
        <v>3</v>
      </c>
      <c r="C9" s="288" t="s">
        <v>262</v>
      </c>
      <c r="D9" s="365">
        <v>0</v>
      </c>
      <c r="E9" s="366">
        <v>0</v>
      </c>
    </row>
    <row r="10" spans="2:7" s="361" customFormat="1" ht="25.15" customHeight="1">
      <c r="B10" s="364">
        <v>4</v>
      </c>
      <c r="C10" s="288" t="s">
        <v>263</v>
      </c>
      <c r="D10" s="365">
        <v>0</v>
      </c>
      <c r="E10" s="366">
        <v>0</v>
      </c>
    </row>
    <row r="11" spans="2:7" s="361" customFormat="1" ht="25.15" customHeight="1">
      <c r="B11" s="364">
        <v>5</v>
      </c>
      <c r="C11" s="367" t="s">
        <v>264</v>
      </c>
      <c r="D11" s="365">
        <v>0</v>
      </c>
      <c r="E11" s="366">
        <v>0</v>
      </c>
    </row>
    <row r="12" spans="2:7" s="361" customFormat="1" ht="25.15" customHeight="1">
      <c r="B12" s="287">
        <v>6</v>
      </c>
      <c r="C12" s="288" t="s">
        <v>265</v>
      </c>
      <c r="D12" s="365">
        <v>-200528.61364</v>
      </c>
      <c r="E12" s="366">
        <v>-197468.36040999999</v>
      </c>
    </row>
    <row r="13" spans="2:7" s="361" customFormat="1" ht="25.15" customHeight="1">
      <c r="B13" s="368">
        <v>7</v>
      </c>
      <c r="C13" s="369" t="s">
        <v>266</v>
      </c>
      <c r="D13" s="370">
        <v>55352302.207509503</v>
      </c>
      <c r="E13" s="370">
        <v>53450574.584940001</v>
      </c>
    </row>
    <row r="14" spans="2:7" s="361" customFormat="1" ht="25.15" customHeight="1" thickBot="1">
      <c r="B14" s="944" t="s">
        <v>267</v>
      </c>
      <c r="C14" s="944"/>
      <c r="D14" s="944"/>
      <c r="E14" s="944"/>
    </row>
    <row r="15" spans="2:7" s="361" customFormat="1" ht="25.15" customHeight="1">
      <c r="B15" s="278">
        <v>8</v>
      </c>
      <c r="C15" s="279" t="s">
        <v>268</v>
      </c>
      <c r="D15" s="371">
        <v>113653.48526239401</v>
      </c>
      <c r="E15" s="363">
        <v>226349.95369137617</v>
      </c>
    </row>
    <row r="16" spans="2:7" s="361" customFormat="1" ht="25.15" customHeight="1">
      <c r="B16" s="364" t="s">
        <v>269</v>
      </c>
      <c r="C16" s="372" t="s">
        <v>270</v>
      </c>
      <c r="D16" s="365">
        <v>0</v>
      </c>
      <c r="E16" s="366">
        <v>0</v>
      </c>
    </row>
    <row r="17" spans="2:5" s="361" customFormat="1" ht="25.15" customHeight="1">
      <c r="B17" s="364">
        <v>9</v>
      </c>
      <c r="C17" s="288" t="s">
        <v>271</v>
      </c>
      <c r="D17" s="373">
        <v>204055.25260838101</v>
      </c>
      <c r="E17" s="366">
        <v>259390.679872543</v>
      </c>
    </row>
    <row r="18" spans="2:5" s="361" customFormat="1" ht="25.15" customHeight="1">
      <c r="B18" s="364" t="s">
        <v>214</v>
      </c>
      <c r="C18" s="374" t="s">
        <v>272</v>
      </c>
      <c r="D18" s="365">
        <v>0</v>
      </c>
      <c r="E18" s="366">
        <v>0</v>
      </c>
    </row>
    <row r="19" spans="2:5" s="361" customFormat="1" ht="25.15" customHeight="1">
      <c r="B19" s="364" t="s">
        <v>215</v>
      </c>
      <c r="C19" s="374" t="s">
        <v>273</v>
      </c>
      <c r="D19" s="365">
        <v>0</v>
      </c>
      <c r="E19" s="366">
        <v>0</v>
      </c>
    </row>
    <row r="20" spans="2:5" s="361" customFormat="1" ht="25.15" customHeight="1">
      <c r="B20" s="364">
        <v>10</v>
      </c>
      <c r="C20" s="375" t="s">
        <v>274</v>
      </c>
      <c r="D20" s="373">
        <v>-51839.48489</v>
      </c>
      <c r="E20" s="366">
        <v>-185873.70197450629</v>
      </c>
    </row>
    <row r="21" spans="2:5" s="361" customFormat="1" ht="25.15" customHeight="1">
      <c r="B21" s="364" t="s">
        <v>275</v>
      </c>
      <c r="C21" s="375" t="s">
        <v>805</v>
      </c>
      <c r="D21" s="365">
        <v>0</v>
      </c>
      <c r="E21" s="366">
        <v>0</v>
      </c>
    </row>
    <row r="22" spans="2:5" s="361" customFormat="1" ht="25.15" customHeight="1">
      <c r="B22" s="364" t="s">
        <v>276</v>
      </c>
      <c r="C22" s="375" t="s">
        <v>721</v>
      </c>
      <c r="D22" s="373">
        <v>0</v>
      </c>
      <c r="E22" s="366">
        <v>0</v>
      </c>
    </row>
    <row r="23" spans="2:5" s="361" customFormat="1" ht="25.15" customHeight="1">
      <c r="B23" s="364">
        <v>11</v>
      </c>
      <c r="C23" s="288" t="s">
        <v>277</v>
      </c>
      <c r="D23" s="365">
        <v>0</v>
      </c>
      <c r="E23" s="366">
        <v>0</v>
      </c>
    </row>
    <row r="24" spans="2:5" s="361" customFormat="1" ht="25.15" customHeight="1">
      <c r="B24" s="364">
        <v>12</v>
      </c>
      <c r="C24" s="288" t="s">
        <v>278</v>
      </c>
      <c r="D24" s="365">
        <v>0</v>
      </c>
      <c r="E24" s="366">
        <v>0</v>
      </c>
    </row>
    <row r="25" spans="2:5" s="361" customFormat="1" ht="25.15" customHeight="1">
      <c r="B25" s="376">
        <v>13</v>
      </c>
      <c r="C25" s="377" t="s">
        <v>279</v>
      </c>
      <c r="D25" s="378">
        <v>265869.25298077503</v>
      </c>
      <c r="E25" s="379">
        <v>299866.93158941285</v>
      </c>
    </row>
    <row r="26" spans="2:5" s="361" customFormat="1" ht="25.15" customHeight="1" thickBot="1">
      <c r="B26" s="942" t="s">
        <v>280</v>
      </c>
      <c r="C26" s="942"/>
      <c r="D26" s="942"/>
      <c r="E26" s="942"/>
    </row>
    <row r="27" spans="2:5" s="361" customFormat="1" ht="25.15" customHeight="1">
      <c r="B27" s="303">
        <v>14</v>
      </c>
      <c r="C27" s="279" t="s">
        <v>281</v>
      </c>
      <c r="D27" s="371">
        <v>0</v>
      </c>
      <c r="E27" s="363">
        <v>0</v>
      </c>
    </row>
    <row r="28" spans="2:5" s="361" customFormat="1" ht="25.15" customHeight="1">
      <c r="B28" s="287">
        <v>15</v>
      </c>
      <c r="C28" s="288" t="s">
        <v>282</v>
      </c>
      <c r="D28" s="365">
        <v>683495.36968749797</v>
      </c>
      <c r="E28" s="366">
        <v>805668.97383578704</v>
      </c>
    </row>
    <row r="29" spans="2:5" s="361" customFormat="1" ht="25.15" customHeight="1">
      <c r="B29" s="287">
        <v>16</v>
      </c>
      <c r="C29" s="288" t="s">
        <v>283</v>
      </c>
      <c r="D29" s="365">
        <v>192619.05860239198</v>
      </c>
      <c r="E29" s="366">
        <v>266066.00455059798</v>
      </c>
    </row>
    <row r="30" spans="2:5" s="361" customFormat="1" ht="25.15" customHeight="1">
      <c r="B30" s="364" t="s">
        <v>284</v>
      </c>
      <c r="C30" s="288" t="s">
        <v>285</v>
      </c>
      <c r="D30" s="365">
        <v>0</v>
      </c>
      <c r="E30" s="366">
        <v>0</v>
      </c>
    </row>
    <row r="31" spans="2:5" s="361" customFormat="1" ht="25.15" customHeight="1">
      <c r="B31" s="364">
        <v>17</v>
      </c>
      <c r="C31" s="288" t="s">
        <v>286</v>
      </c>
      <c r="D31" s="365">
        <v>0</v>
      </c>
      <c r="E31" s="366">
        <v>0</v>
      </c>
    </row>
    <row r="32" spans="2:5" s="361" customFormat="1" ht="25.15" customHeight="1">
      <c r="B32" s="364" t="s">
        <v>287</v>
      </c>
      <c r="C32" s="288" t="s">
        <v>288</v>
      </c>
      <c r="D32" s="365">
        <v>0</v>
      </c>
      <c r="E32" s="366">
        <v>0</v>
      </c>
    </row>
    <row r="33" spans="2:5" s="361" customFormat="1" ht="25.15" customHeight="1">
      <c r="B33" s="376">
        <v>18</v>
      </c>
      <c r="C33" s="377" t="s">
        <v>289</v>
      </c>
      <c r="D33" s="370">
        <v>876114.42828988994</v>
      </c>
      <c r="E33" s="370">
        <v>1071734.9783863849</v>
      </c>
    </row>
    <row r="34" spans="2:5" s="361" customFormat="1" ht="25.15" customHeight="1" thickBot="1">
      <c r="B34" s="942" t="s">
        <v>290</v>
      </c>
      <c r="C34" s="942"/>
      <c r="D34" s="942"/>
      <c r="E34" s="942"/>
    </row>
    <row r="35" spans="2:5" s="361" customFormat="1" ht="25.15" customHeight="1">
      <c r="B35" s="303">
        <v>19</v>
      </c>
      <c r="C35" s="279" t="s">
        <v>291</v>
      </c>
      <c r="D35" s="371">
        <v>9850354.9807348996</v>
      </c>
      <c r="E35" s="363">
        <v>9724372.6182665993</v>
      </c>
    </row>
    <row r="36" spans="2:5" s="361" customFormat="1" ht="25.15" customHeight="1">
      <c r="B36" s="287">
        <v>20</v>
      </c>
      <c r="C36" s="288" t="s">
        <v>292</v>
      </c>
      <c r="D36" s="373">
        <v>-8710162.4537106361</v>
      </c>
      <c r="E36" s="373">
        <v>-7123743.1392906383</v>
      </c>
    </row>
    <row r="37" spans="2:5" s="361" customFormat="1" ht="25.15" customHeight="1">
      <c r="B37" s="287">
        <v>21</v>
      </c>
      <c r="C37" s="288" t="s">
        <v>722</v>
      </c>
      <c r="D37" s="366">
        <v>0</v>
      </c>
      <c r="E37" s="366">
        <v>0</v>
      </c>
    </row>
    <row r="38" spans="2:5" s="361" customFormat="1" ht="25.15" customHeight="1">
      <c r="B38" s="376">
        <v>22</v>
      </c>
      <c r="C38" s="377" t="s">
        <v>293</v>
      </c>
      <c r="D38" s="378">
        <v>1140192.5270242631</v>
      </c>
      <c r="E38" s="378">
        <v>2600629.478975961</v>
      </c>
    </row>
    <row r="39" spans="2:5" s="361" customFormat="1" ht="25.15" customHeight="1" thickBot="1">
      <c r="B39" s="942" t="s">
        <v>294</v>
      </c>
      <c r="C39" s="942"/>
      <c r="D39" s="942"/>
      <c r="E39" s="942"/>
    </row>
    <row r="40" spans="2:5" s="361" customFormat="1" ht="25.15" customHeight="1">
      <c r="B40" s="278" t="s">
        <v>295</v>
      </c>
      <c r="C40" s="279" t="s">
        <v>296</v>
      </c>
      <c r="D40" s="362">
        <v>0</v>
      </c>
      <c r="E40" s="363">
        <v>0</v>
      </c>
    </row>
    <row r="41" spans="2:5" s="361" customFormat="1" ht="25.15" customHeight="1">
      <c r="B41" s="364" t="s">
        <v>297</v>
      </c>
      <c r="C41" s="288" t="s">
        <v>298</v>
      </c>
      <c r="D41" s="365">
        <v>0</v>
      </c>
      <c r="E41" s="366">
        <v>0</v>
      </c>
    </row>
    <row r="42" spans="2:5" s="361" customFormat="1" ht="25.15" customHeight="1">
      <c r="B42" s="287" t="s">
        <v>299</v>
      </c>
      <c r="C42" s="372" t="s">
        <v>300</v>
      </c>
      <c r="D42" s="365">
        <v>0</v>
      </c>
      <c r="E42" s="366">
        <v>0</v>
      </c>
    </row>
    <row r="43" spans="2:5" s="361" customFormat="1" ht="25.15" customHeight="1">
      <c r="B43" s="287" t="s">
        <v>301</v>
      </c>
      <c r="C43" s="372" t="s">
        <v>302</v>
      </c>
      <c r="D43" s="373">
        <v>0</v>
      </c>
      <c r="E43" s="366">
        <v>0</v>
      </c>
    </row>
    <row r="44" spans="2:5" s="361" customFormat="1" ht="25.15" customHeight="1">
      <c r="B44" s="287" t="s">
        <v>303</v>
      </c>
      <c r="C44" s="380" t="s">
        <v>806</v>
      </c>
      <c r="D44" s="373">
        <v>0</v>
      </c>
      <c r="E44" s="366">
        <v>0</v>
      </c>
    </row>
    <row r="45" spans="2:5" s="361" customFormat="1" ht="25.15" customHeight="1">
      <c r="B45" s="287" t="s">
        <v>304</v>
      </c>
      <c r="C45" s="372" t="s">
        <v>305</v>
      </c>
      <c r="D45" s="365">
        <v>0</v>
      </c>
      <c r="E45" s="366">
        <v>0</v>
      </c>
    </row>
    <row r="46" spans="2:5" s="361" customFormat="1" ht="25.15" customHeight="1">
      <c r="B46" s="287" t="s">
        <v>306</v>
      </c>
      <c r="C46" s="372" t="s">
        <v>307</v>
      </c>
      <c r="D46" s="365">
        <v>0</v>
      </c>
      <c r="E46" s="366">
        <v>0</v>
      </c>
    </row>
    <row r="47" spans="2:5" s="361" customFormat="1" ht="25.15" customHeight="1">
      <c r="B47" s="287" t="s">
        <v>308</v>
      </c>
      <c r="C47" s="372" t="s">
        <v>309</v>
      </c>
      <c r="D47" s="365">
        <v>0</v>
      </c>
      <c r="E47" s="366">
        <v>0</v>
      </c>
    </row>
    <row r="48" spans="2:5" s="361" customFormat="1" ht="25.15" customHeight="1">
      <c r="B48" s="287" t="s">
        <v>310</v>
      </c>
      <c r="C48" s="372" t="s">
        <v>311</v>
      </c>
      <c r="D48" s="365">
        <v>0</v>
      </c>
      <c r="E48" s="366">
        <v>0</v>
      </c>
    </row>
    <row r="49" spans="2:5" s="361" customFormat="1" ht="25.15" customHeight="1">
      <c r="B49" s="287" t="s">
        <v>312</v>
      </c>
      <c r="C49" s="372" t="s">
        <v>313</v>
      </c>
      <c r="D49" s="365">
        <v>0</v>
      </c>
      <c r="E49" s="366">
        <v>0</v>
      </c>
    </row>
    <row r="50" spans="2:5" s="361" customFormat="1" ht="25.15" customHeight="1">
      <c r="B50" s="381" t="s">
        <v>314</v>
      </c>
      <c r="C50" s="382" t="s">
        <v>315</v>
      </c>
      <c r="D50" s="370">
        <v>0</v>
      </c>
      <c r="E50" s="383">
        <v>0</v>
      </c>
    </row>
    <row r="51" spans="2:5" s="361" customFormat="1" ht="25.15" customHeight="1" thickBot="1">
      <c r="B51" s="942" t="s">
        <v>316</v>
      </c>
      <c r="C51" s="942"/>
      <c r="D51" s="942"/>
      <c r="E51" s="942"/>
    </row>
    <row r="52" spans="2:5" s="361" customFormat="1" ht="25.15" customHeight="1">
      <c r="B52" s="384">
        <v>23</v>
      </c>
      <c r="C52" s="385" t="s">
        <v>187</v>
      </c>
      <c r="D52" s="371">
        <v>2937172.61919</v>
      </c>
      <c r="E52" s="363">
        <v>3055266.3988999999</v>
      </c>
    </row>
    <row r="53" spans="2:5" s="361" customFormat="1" ht="25.15" customHeight="1">
      <c r="B53" s="386">
        <v>24</v>
      </c>
      <c r="C53" s="377" t="s">
        <v>73</v>
      </c>
      <c r="D53" s="370">
        <v>59051011.884236395</v>
      </c>
      <c r="E53" s="370">
        <v>55520393.579028964</v>
      </c>
    </row>
    <row r="54" spans="2:5" s="361" customFormat="1" ht="25.15" customHeight="1" thickBot="1">
      <c r="B54" s="942" t="s">
        <v>72</v>
      </c>
      <c r="C54" s="942"/>
      <c r="D54" s="942"/>
      <c r="E54" s="942"/>
    </row>
    <row r="55" spans="2:5" s="361" customFormat="1" ht="25.15" customHeight="1">
      <c r="B55" s="303">
        <v>25</v>
      </c>
      <c r="C55" s="387" t="s">
        <v>74</v>
      </c>
      <c r="D55" s="388">
        <v>4.9739581515521415E-2</v>
      </c>
      <c r="E55" s="388">
        <v>5.5029624286633806E-2</v>
      </c>
    </row>
    <row r="56" spans="2:5" s="361" customFormat="1" ht="25.15" customHeight="1">
      <c r="B56" s="364" t="s">
        <v>317</v>
      </c>
      <c r="C56" s="288" t="s">
        <v>318</v>
      </c>
      <c r="D56" s="389">
        <v>4.9739581515521415E-2</v>
      </c>
      <c r="E56" s="389">
        <v>5.5029624286633806E-2</v>
      </c>
    </row>
    <row r="57" spans="2:5" s="361" customFormat="1" ht="25.15" customHeight="1">
      <c r="B57" s="364" t="s">
        <v>319</v>
      </c>
      <c r="C57" s="288" t="s">
        <v>723</v>
      </c>
      <c r="D57" s="389">
        <v>4.9739581515521415E-2</v>
      </c>
      <c r="E57" s="390">
        <v>0</v>
      </c>
    </row>
    <row r="58" spans="2:5" s="361" customFormat="1" ht="25.15" customHeight="1">
      <c r="B58" s="364">
        <v>26</v>
      </c>
      <c r="C58" s="288" t="s">
        <v>320</v>
      </c>
      <c r="D58" s="390">
        <v>0.03</v>
      </c>
      <c r="E58" s="390">
        <v>0</v>
      </c>
    </row>
    <row r="59" spans="2:5" s="361" customFormat="1" ht="25.15" customHeight="1">
      <c r="B59" s="364" t="s">
        <v>321</v>
      </c>
      <c r="C59" s="288" t="s">
        <v>76</v>
      </c>
      <c r="D59" s="391">
        <v>0</v>
      </c>
      <c r="E59" s="392">
        <v>0</v>
      </c>
    </row>
    <row r="60" spans="2:5" s="361" customFormat="1" ht="25.15" customHeight="1">
      <c r="B60" s="364" t="s">
        <v>322</v>
      </c>
      <c r="C60" s="288" t="s">
        <v>323</v>
      </c>
      <c r="D60" s="393">
        <v>0</v>
      </c>
      <c r="E60" s="392">
        <v>0</v>
      </c>
    </row>
    <row r="61" spans="2:5" s="361" customFormat="1" ht="25.15" customHeight="1">
      <c r="B61" s="364">
        <v>27</v>
      </c>
      <c r="C61" s="288" t="s">
        <v>80</v>
      </c>
      <c r="D61" s="393">
        <v>0</v>
      </c>
      <c r="E61" s="392">
        <v>0</v>
      </c>
    </row>
    <row r="62" spans="2:5" s="361" customFormat="1" ht="25.15" customHeight="1">
      <c r="B62" s="394" t="s">
        <v>324</v>
      </c>
      <c r="C62" s="395" t="s">
        <v>82</v>
      </c>
      <c r="D62" s="396">
        <v>0.03</v>
      </c>
      <c r="E62" s="397">
        <v>0</v>
      </c>
    </row>
    <row r="63" spans="2:5" s="361" customFormat="1" ht="25.15" customHeight="1" thickBot="1">
      <c r="B63" s="942" t="s">
        <v>325</v>
      </c>
      <c r="C63" s="942"/>
      <c r="D63" s="942"/>
      <c r="E63" s="942"/>
    </row>
    <row r="64" spans="2:5" s="361" customFormat="1" ht="25.15" customHeight="1">
      <c r="B64" s="398" t="s">
        <v>724</v>
      </c>
      <c r="C64" s="399" t="s">
        <v>326</v>
      </c>
      <c r="D64" s="400" t="s">
        <v>780</v>
      </c>
      <c r="E64" s="400" t="s">
        <v>780</v>
      </c>
    </row>
    <row r="65" spans="2:5" s="361" customFormat="1" ht="25.15" customHeight="1" thickBot="1">
      <c r="B65" s="942" t="s">
        <v>327</v>
      </c>
      <c r="C65" s="942"/>
      <c r="D65" s="942"/>
      <c r="E65" s="942"/>
    </row>
    <row r="66" spans="2:5" s="361" customFormat="1" ht="35.25" customHeight="1">
      <c r="B66" s="401">
        <v>28</v>
      </c>
      <c r="C66" s="402" t="s">
        <v>807</v>
      </c>
      <c r="D66" s="403">
        <v>0</v>
      </c>
      <c r="E66" s="403">
        <v>0</v>
      </c>
    </row>
    <row r="67" spans="2:5" s="361" customFormat="1" ht="35.25" customHeight="1">
      <c r="B67" s="404">
        <v>29</v>
      </c>
      <c r="C67" s="405" t="s">
        <v>328</v>
      </c>
      <c r="D67" s="406">
        <v>0</v>
      </c>
      <c r="E67" s="407">
        <v>5105.9065700000001</v>
      </c>
    </row>
    <row r="68" spans="2:5" s="361" customFormat="1" ht="38.25" customHeight="1">
      <c r="B68" s="404">
        <v>30</v>
      </c>
      <c r="C68" s="405" t="s">
        <v>725</v>
      </c>
      <c r="D68" s="406">
        <v>57634478.415804431</v>
      </c>
      <c r="E68" s="407">
        <v>55515287.672458962</v>
      </c>
    </row>
    <row r="69" spans="2:5" s="361" customFormat="1" ht="38.25" customHeight="1">
      <c r="B69" s="404" t="s">
        <v>329</v>
      </c>
      <c r="C69" s="405" t="s">
        <v>726</v>
      </c>
      <c r="D69" s="406">
        <v>57634478.415804431</v>
      </c>
      <c r="E69" s="407">
        <v>55515287.672458962</v>
      </c>
    </row>
    <row r="70" spans="2:5" s="361" customFormat="1" ht="38.25" customHeight="1">
      <c r="B70" s="404">
        <v>31</v>
      </c>
      <c r="C70" s="405" t="s">
        <v>330</v>
      </c>
      <c r="D70" s="408">
        <v>5.0962075131481946E-2</v>
      </c>
      <c r="E70" s="408">
        <v>5.5034685525293822E-2</v>
      </c>
    </row>
    <row r="71" spans="2:5" s="361" customFormat="1" ht="38.25" customHeight="1" thickBot="1">
      <c r="B71" s="409" t="s">
        <v>331</v>
      </c>
      <c r="C71" s="410" t="s">
        <v>332</v>
      </c>
      <c r="D71" s="411">
        <v>5.0962075131481946E-2</v>
      </c>
      <c r="E71" s="411">
        <v>5.5034685525293822E-2</v>
      </c>
    </row>
  </sheetData>
  <mergeCells count="11">
    <mergeCell ref="B34:E34"/>
    <mergeCell ref="D3:E3"/>
    <mergeCell ref="B4:C5"/>
    <mergeCell ref="B6:E6"/>
    <mergeCell ref="B14:E14"/>
    <mergeCell ref="B26:E26"/>
    <mergeCell ref="B39:E39"/>
    <mergeCell ref="B51:E51"/>
    <mergeCell ref="B54:E54"/>
    <mergeCell ref="B63:E63"/>
    <mergeCell ref="B65:E65"/>
  </mergeCells>
  <hyperlinks>
    <hyperlink ref="G1" location="Índice!A1" display="Voltar ao Índice" xr:uid="{00000000-0004-0000-2600-000000000000}"/>
  </hyperlinks>
  <pageMargins left="0.70866141732283472" right="0.70866141732283472" top="0.74803149606299213" bottom="0.74803149606299213" header="0.31496062992125984" footer="0.31496062992125984"/>
  <pageSetup paperSize="9" scale="27" fitToHeight="2" orientation="landscape" r:id="rId1"/>
  <headerFooter>
    <oddFooter>&amp;C1</oddFooter>
  </headerFooter>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700-000000000000}">
  <sheetPr>
    <tabColor rgb="FFFF0000"/>
  </sheetPr>
  <dimension ref="B1:G17"/>
  <sheetViews>
    <sheetView showGridLines="0" zoomScaleNormal="100" zoomScalePageLayoutView="70" workbookViewId="0">
      <selection activeCell="C5" sqref="C5"/>
    </sheetView>
  </sheetViews>
  <sheetFormatPr defaultColWidth="9.140625" defaultRowHeight="18.75"/>
  <cols>
    <col min="1" max="1" width="4.7109375" style="9" customWidth="1"/>
    <col min="2" max="2" width="9.140625" style="9"/>
    <col min="3" max="3" width="74.7109375" style="9" customWidth="1"/>
    <col min="4" max="4" width="28.5703125" style="9" customWidth="1"/>
    <col min="5" max="6" width="9.140625" style="9"/>
    <col min="7" max="7" width="13.140625" style="9" bestFit="1" customWidth="1"/>
    <col min="8" max="16384" width="9.140625" style="9"/>
  </cols>
  <sheetData>
    <row r="1" spans="2:7" ht="18.75" customHeight="1">
      <c r="B1" s="8" t="s">
        <v>858</v>
      </c>
      <c r="C1" s="347"/>
      <c r="D1" s="347"/>
      <c r="G1" s="53" t="s">
        <v>945</v>
      </c>
    </row>
    <row r="2" spans="2:7" ht="12.95" customHeight="1">
      <c r="B2" s="262" t="s">
        <v>750</v>
      </c>
      <c r="C2" s="347"/>
      <c r="D2" s="347"/>
    </row>
    <row r="3" spans="2:7" ht="12.95" customHeight="1">
      <c r="C3" s="347"/>
      <c r="D3" s="347"/>
    </row>
    <row r="4" spans="2:7" s="49" customFormat="1" ht="20.100000000000001" customHeight="1">
      <c r="D4" s="348" t="s">
        <v>4</v>
      </c>
    </row>
    <row r="5" spans="2:7" s="349" customFormat="1" ht="42" customHeight="1" thickBot="1">
      <c r="D5" s="271" t="s">
        <v>258</v>
      </c>
    </row>
    <row r="6" spans="2:7" s="49" customFormat="1" ht="24.95" customHeight="1">
      <c r="B6" s="350" t="s">
        <v>333</v>
      </c>
      <c r="C6" s="350" t="s">
        <v>334</v>
      </c>
      <c r="D6" s="351">
        <v>18133930.887595005</v>
      </c>
    </row>
    <row r="7" spans="2:7" s="49" customFormat="1" ht="24.95" customHeight="1">
      <c r="B7" s="330" t="s">
        <v>335</v>
      </c>
      <c r="C7" s="352" t="s">
        <v>336</v>
      </c>
      <c r="D7" s="353">
        <v>18133930.887595005</v>
      </c>
    </row>
    <row r="8" spans="2:7" s="49" customFormat="1" ht="24.95" customHeight="1">
      <c r="B8" s="330" t="s">
        <v>337</v>
      </c>
      <c r="C8" s="352" t="s">
        <v>338</v>
      </c>
      <c r="D8" s="354">
        <v>0</v>
      </c>
    </row>
    <row r="9" spans="2:7" s="49" customFormat="1" ht="24.95" customHeight="1">
      <c r="B9" s="330" t="s">
        <v>339</v>
      </c>
      <c r="C9" s="355" t="s">
        <v>340</v>
      </c>
      <c r="D9" s="356">
        <v>13446467.040500134</v>
      </c>
    </row>
    <row r="10" spans="2:7" s="49" customFormat="1" ht="24.95" customHeight="1">
      <c r="B10" s="330" t="s">
        <v>341</v>
      </c>
      <c r="C10" s="355" t="s">
        <v>342</v>
      </c>
      <c r="D10" s="356">
        <v>339000.11167100939</v>
      </c>
    </row>
    <row r="11" spans="2:7" s="49" customFormat="1" ht="24.95" customHeight="1">
      <c r="B11" s="330" t="s">
        <v>343</v>
      </c>
      <c r="C11" s="355" t="s">
        <v>344</v>
      </c>
      <c r="D11" s="356">
        <v>201701.966342203</v>
      </c>
    </row>
    <row r="12" spans="2:7" s="49" customFormat="1" ht="24.95" customHeight="1">
      <c r="B12" s="330" t="s">
        <v>345</v>
      </c>
      <c r="C12" s="355" t="s">
        <v>346</v>
      </c>
      <c r="D12" s="356">
        <v>1411237.04982652</v>
      </c>
    </row>
    <row r="13" spans="2:7" s="49" customFormat="1" ht="24.95" customHeight="1">
      <c r="B13" s="330" t="s">
        <v>347</v>
      </c>
      <c r="C13" s="355" t="s">
        <v>348</v>
      </c>
      <c r="D13" s="356">
        <v>578593.77801023296</v>
      </c>
    </row>
    <row r="14" spans="2:7" s="49" customFormat="1" ht="24.95" customHeight="1">
      <c r="B14" s="330" t="s">
        <v>349</v>
      </c>
      <c r="C14" s="355" t="s">
        <v>350</v>
      </c>
      <c r="D14" s="356">
        <v>418895.09335437801</v>
      </c>
    </row>
    <row r="15" spans="2:7" s="49" customFormat="1" ht="24.95" customHeight="1">
      <c r="B15" s="330" t="s">
        <v>351</v>
      </c>
      <c r="C15" s="355" t="s">
        <v>352</v>
      </c>
      <c r="D15" s="356">
        <v>121976.9885714986</v>
      </c>
    </row>
    <row r="16" spans="2:7" s="49" customFormat="1" ht="24.95" customHeight="1">
      <c r="B16" s="330" t="s">
        <v>353</v>
      </c>
      <c r="C16" s="355" t="s">
        <v>354</v>
      </c>
      <c r="D16" s="356">
        <v>1616058.8593190291</v>
      </c>
    </row>
    <row r="17" spans="2:4" s="49" customFormat="1" ht="24.95" customHeight="1" thickBot="1">
      <c r="B17" s="357" t="s">
        <v>355</v>
      </c>
      <c r="C17" s="358" t="s">
        <v>356</v>
      </c>
      <c r="D17" s="359">
        <v>0</v>
      </c>
    </row>
  </sheetData>
  <hyperlinks>
    <hyperlink ref="G1" location="Índice!A1" display="Voltar ao Índice" xr:uid="{00000000-0004-0000-27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800-000000000000}">
  <sheetPr>
    <tabColor rgb="FFFF0000"/>
  </sheetPr>
  <dimension ref="B1:M50"/>
  <sheetViews>
    <sheetView showGridLines="0" zoomScaleNormal="100" zoomScalePageLayoutView="60" workbookViewId="0"/>
  </sheetViews>
  <sheetFormatPr defaultColWidth="9.140625" defaultRowHeight="18.75"/>
  <cols>
    <col min="1" max="1" width="4.7109375" style="9" customWidth="1"/>
    <col min="2" max="2" width="7.85546875" style="9" customWidth="1"/>
    <col min="3" max="3" width="71.85546875" style="9" customWidth="1"/>
    <col min="4" max="11" width="17.140625" style="9" customWidth="1"/>
    <col min="12" max="12" width="3.28515625" style="312" customWidth="1"/>
    <col min="13" max="13" width="13.28515625" style="9" bestFit="1" customWidth="1"/>
    <col min="14" max="16384" width="9.140625" style="9"/>
  </cols>
  <sheetData>
    <row r="1" spans="2:13" ht="24">
      <c r="B1" s="8" t="s">
        <v>1123</v>
      </c>
      <c r="D1" s="311"/>
      <c r="E1" s="311"/>
      <c r="F1" s="311"/>
      <c r="G1" s="311"/>
      <c r="H1" s="311"/>
      <c r="I1" s="311"/>
      <c r="J1" s="311"/>
      <c r="K1" s="311"/>
      <c r="M1" s="53" t="s">
        <v>945</v>
      </c>
    </row>
    <row r="2" spans="2:13" s="130" customFormat="1">
      <c r="B2" s="262" t="s">
        <v>750</v>
      </c>
      <c r="D2" s="313"/>
      <c r="E2" s="313"/>
      <c r="F2" s="313"/>
      <c r="G2" s="313"/>
      <c r="H2" s="313"/>
      <c r="I2" s="313"/>
      <c r="J2" s="313"/>
      <c r="K2" s="313"/>
      <c r="L2" s="31"/>
    </row>
    <row r="3" spans="2:13" s="130" customFormat="1">
      <c r="C3" s="314"/>
      <c r="L3" s="31"/>
    </row>
    <row r="4" spans="2:13" s="130" customFormat="1">
      <c r="C4" s="315"/>
      <c r="L4" s="31"/>
    </row>
    <row r="5" spans="2:13" s="269" customFormat="1" ht="20.25" customHeight="1">
      <c r="B5" s="316"/>
      <c r="C5" s="314"/>
      <c r="D5" s="317" t="s">
        <v>4</v>
      </c>
      <c r="E5" s="317" t="s">
        <v>5</v>
      </c>
      <c r="F5" s="317" t="s">
        <v>6</v>
      </c>
      <c r="G5" s="317" t="s">
        <v>41</v>
      </c>
      <c r="H5" s="317" t="s">
        <v>42</v>
      </c>
      <c r="I5" s="317" t="s">
        <v>94</v>
      </c>
      <c r="J5" s="317" t="s">
        <v>95</v>
      </c>
      <c r="K5" s="317" t="s">
        <v>96</v>
      </c>
      <c r="L5" s="11"/>
    </row>
    <row r="6" spans="2:13" s="269" customFormat="1" ht="20.25" customHeight="1">
      <c r="D6" s="961" t="s">
        <v>358</v>
      </c>
      <c r="E6" s="961"/>
      <c r="F6" s="961"/>
      <c r="G6" s="961"/>
      <c r="H6" s="961" t="s">
        <v>359</v>
      </c>
      <c r="I6" s="961"/>
      <c r="J6" s="961"/>
      <c r="K6" s="961"/>
      <c r="L6" s="11"/>
    </row>
    <row r="7" spans="2:13" s="269" customFormat="1" ht="35.25" customHeight="1" thickBot="1">
      <c r="B7" s="318" t="s">
        <v>360</v>
      </c>
      <c r="C7" s="319" t="s">
        <v>361</v>
      </c>
      <c r="D7" s="320" t="s">
        <v>1125</v>
      </c>
      <c r="E7" s="320" t="s">
        <v>1126</v>
      </c>
      <c r="F7" s="320" t="s">
        <v>1127</v>
      </c>
      <c r="G7" s="320" t="s">
        <v>1128</v>
      </c>
      <c r="H7" s="320" t="s">
        <v>1125</v>
      </c>
      <c r="I7" s="320" t="s">
        <v>1126</v>
      </c>
      <c r="J7" s="320" t="s">
        <v>1127</v>
      </c>
      <c r="K7" s="320" t="s">
        <v>1128</v>
      </c>
      <c r="L7" s="11"/>
    </row>
    <row r="8" spans="2:13" s="269" customFormat="1" ht="20.25" customHeight="1">
      <c r="B8" s="321" t="s">
        <v>362</v>
      </c>
      <c r="C8" s="319" t="s">
        <v>363</v>
      </c>
      <c r="D8" s="322">
        <v>12</v>
      </c>
      <c r="E8" s="322">
        <v>12</v>
      </c>
      <c r="F8" s="322">
        <v>12</v>
      </c>
      <c r="G8" s="322">
        <v>12</v>
      </c>
      <c r="H8" s="322">
        <v>12</v>
      </c>
      <c r="I8" s="322">
        <v>12</v>
      </c>
      <c r="J8" s="322">
        <v>12</v>
      </c>
      <c r="K8" s="322">
        <v>12</v>
      </c>
      <c r="L8" s="11"/>
    </row>
    <row r="9" spans="2:13" s="11" customFormat="1" ht="20.25" customHeight="1" thickBot="1">
      <c r="B9" s="945" t="s">
        <v>364</v>
      </c>
      <c r="C9" s="945"/>
      <c r="D9" s="945"/>
      <c r="E9" s="945"/>
      <c r="F9" s="945"/>
      <c r="G9" s="945"/>
      <c r="H9" s="945"/>
      <c r="I9" s="945"/>
      <c r="J9" s="945"/>
      <c r="K9" s="945"/>
    </row>
    <row r="10" spans="2:13" s="269" customFormat="1" ht="20.25" customHeight="1">
      <c r="B10" s="322">
        <v>1</v>
      </c>
      <c r="C10" s="319" t="s">
        <v>365</v>
      </c>
      <c r="D10" s="956"/>
      <c r="E10" s="956"/>
      <c r="F10" s="956"/>
      <c r="G10" s="956"/>
      <c r="H10" s="323">
        <v>11257864.441808566</v>
      </c>
      <c r="I10" s="323">
        <v>11253453.344783062</v>
      </c>
      <c r="J10" s="323">
        <v>11415359.703186685</v>
      </c>
      <c r="K10" s="323">
        <v>11499169.607716365</v>
      </c>
      <c r="L10" s="11"/>
    </row>
    <row r="11" spans="2:13" s="11" customFormat="1" ht="20.25" customHeight="1" thickBot="1">
      <c r="B11" s="945" t="s">
        <v>366</v>
      </c>
      <c r="C11" s="945"/>
      <c r="D11" s="945"/>
      <c r="E11" s="945"/>
      <c r="F11" s="945"/>
      <c r="G11" s="945"/>
      <c r="H11" s="945"/>
      <c r="I11" s="945"/>
      <c r="J11" s="945"/>
      <c r="K11" s="945"/>
    </row>
    <row r="12" spans="2:13" s="269" customFormat="1" ht="20.25" customHeight="1">
      <c r="B12" s="324">
        <v>2</v>
      </c>
      <c r="C12" s="325" t="s">
        <v>367</v>
      </c>
      <c r="D12" s="326">
        <v>25593626.593683258</v>
      </c>
      <c r="E12" s="326">
        <v>24714781.350693829</v>
      </c>
      <c r="F12" s="326">
        <v>23973465.206352197</v>
      </c>
      <c r="G12" s="326">
        <v>23992989.195995249</v>
      </c>
      <c r="H12" s="326">
        <v>2023136.0505326013</v>
      </c>
      <c r="I12" s="326">
        <v>1975430.4494119263</v>
      </c>
      <c r="J12" s="326">
        <v>1925658.0437725368</v>
      </c>
      <c r="K12" s="326">
        <v>1911120.7739295496</v>
      </c>
      <c r="L12" s="11"/>
    </row>
    <row r="13" spans="2:13" s="269" customFormat="1" ht="20.25" customHeight="1">
      <c r="B13" s="327">
        <v>3</v>
      </c>
      <c r="C13" s="328" t="s">
        <v>368</v>
      </c>
      <c r="D13" s="329">
        <v>17543939.764770634</v>
      </c>
      <c r="E13" s="329">
        <v>16703818.323733173</v>
      </c>
      <c r="F13" s="329">
        <v>16085184.904893639</v>
      </c>
      <c r="G13" s="329">
        <v>16164708.75773938</v>
      </c>
      <c r="H13" s="329">
        <v>877196.9882385321</v>
      </c>
      <c r="I13" s="329">
        <v>835190.91618665878</v>
      </c>
      <c r="J13" s="329">
        <v>804259.24524468195</v>
      </c>
      <c r="K13" s="329">
        <v>808235.43788696919</v>
      </c>
      <c r="L13" s="11"/>
    </row>
    <row r="14" spans="2:13" s="269" customFormat="1" ht="20.25" customHeight="1">
      <c r="B14" s="327">
        <v>4</v>
      </c>
      <c r="C14" s="328" t="s">
        <v>369</v>
      </c>
      <c r="D14" s="329">
        <v>8049686.8289126251</v>
      </c>
      <c r="E14" s="329">
        <v>8010963.026960656</v>
      </c>
      <c r="F14" s="329">
        <v>7888280.3014585599</v>
      </c>
      <c r="G14" s="329">
        <v>7828280.4382558689</v>
      </c>
      <c r="H14" s="329">
        <v>1145939.0622940692</v>
      </c>
      <c r="I14" s="329">
        <v>1140239.5332252677</v>
      </c>
      <c r="J14" s="329">
        <v>1121398.798527855</v>
      </c>
      <c r="K14" s="329">
        <v>1102885.3360425804</v>
      </c>
      <c r="L14" s="11"/>
    </row>
    <row r="15" spans="2:13" s="269" customFormat="1" ht="20.25" customHeight="1">
      <c r="B15" s="327">
        <v>5</v>
      </c>
      <c r="C15" s="330" t="s">
        <v>370</v>
      </c>
      <c r="D15" s="329">
        <v>10889437.710856961</v>
      </c>
      <c r="E15" s="329">
        <v>10809273.408400413</v>
      </c>
      <c r="F15" s="329">
        <v>10685588.038386943</v>
      </c>
      <c r="G15" s="329">
        <v>10485416.211570721</v>
      </c>
      <c r="H15" s="329">
        <v>5802523.5599647593</v>
      </c>
      <c r="I15" s="329">
        <v>5826078.0702704834</v>
      </c>
      <c r="J15" s="329">
        <v>5829042.033799299</v>
      </c>
      <c r="K15" s="329">
        <v>5669382.851080806</v>
      </c>
      <c r="L15" s="11"/>
    </row>
    <row r="16" spans="2:13" s="269" customFormat="1" ht="20.25" customHeight="1">
      <c r="B16" s="327">
        <v>6</v>
      </c>
      <c r="C16" s="328" t="s">
        <v>371</v>
      </c>
      <c r="D16" s="329">
        <v>0</v>
      </c>
      <c r="E16" s="329">
        <v>0</v>
      </c>
      <c r="F16" s="329">
        <v>0</v>
      </c>
      <c r="G16" s="329">
        <v>0</v>
      </c>
      <c r="H16" s="329">
        <v>0</v>
      </c>
      <c r="I16" s="329">
        <v>0</v>
      </c>
      <c r="J16" s="329">
        <v>0</v>
      </c>
      <c r="K16" s="329">
        <v>0</v>
      </c>
      <c r="L16" s="11"/>
    </row>
    <row r="17" spans="2:11" s="269" customFormat="1" ht="20.25" customHeight="1">
      <c r="B17" s="327">
        <v>7</v>
      </c>
      <c r="C17" s="328" t="s">
        <v>372</v>
      </c>
      <c r="D17" s="329">
        <v>10833533.335654974</v>
      </c>
      <c r="E17" s="329">
        <v>10750630.896305433</v>
      </c>
      <c r="F17" s="329">
        <v>10538915.609504545</v>
      </c>
      <c r="G17" s="329">
        <v>10368215.544605976</v>
      </c>
      <c r="H17" s="329">
        <v>5746619.1847627731</v>
      </c>
      <c r="I17" s="329">
        <v>5767435.5581755033</v>
      </c>
      <c r="J17" s="329">
        <v>5682369.6049169004</v>
      </c>
      <c r="K17" s="329">
        <v>5552182.1841160608</v>
      </c>
    </row>
    <row r="18" spans="2:11" s="269" customFormat="1" ht="20.25" customHeight="1">
      <c r="B18" s="327">
        <v>8</v>
      </c>
      <c r="C18" s="328" t="s">
        <v>373</v>
      </c>
      <c r="D18" s="329">
        <v>55904.375201986411</v>
      </c>
      <c r="E18" s="329">
        <v>58642.512094980251</v>
      </c>
      <c r="F18" s="329">
        <v>146672.42888239826</v>
      </c>
      <c r="G18" s="329">
        <v>117200.66696474486</v>
      </c>
      <c r="H18" s="329">
        <v>55904.375201986411</v>
      </c>
      <c r="I18" s="329">
        <v>58642.512094980251</v>
      </c>
      <c r="J18" s="329">
        <v>146672.42888239826</v>
      </c>
      <c r="K18" s="329">
        <v>117200.66696474486</v>
      </c>
    </row>
    <row r="19" spans="2:11" s="269" customFormat="1" ht="20.25" customHeight="1">
      <c r="B19" s="327">
        <v>9</v>
      </c>
      <c r="C19" s="330" t="s">
        <v>374</v>
      </c>
      <c r="D19" s="960"/>
      <c r="E19" s="960"/>
      <c r="F19" s="960"/>
      <c r="G19" s="960"/>
      <c r="H19" s="331">
        <v>506341.21095876425</v>
      </c>
      <c r="I19" s="331">
        <v>509593.8608796483</v>
      </c>
      <c r="J19" s="331">
        <v>485748.05912218598</v>
      </c>
      <c r="K19" s="331">
        <v>482471.25916047959</v>
      </c>
    </row>
    <row r="20" spans="2:11" s="269" customFormat="1" ht="20.25" customHeight="1">
      <c r="B20" s="327">
        <v>10</v>
      </c>
      <c r="C20" s="330" t="s">
        <v>375</v>
      </c>
      <c r="D20" s="329">
        <v>925093.13816349977</v>
      </c>
      <c r="E20" s="329">
        <v>1109418.919713709</v>
      </c>
      <c r="F20" s="329">
        <v>1263577.8502754704</v>
      </c>
      <c r="G20" s="329">
        <v>1422432.0888548272</v>
      </c>
      <c r="H20" s="329">
        <v>433912.09541593178</v>
      </c>
      <c r="I20" s="329">
        <v>603096.01048125071</v>
      </c>
      <c r="J20" s="329">
        <v>811909.81390384876</v>
      </c>
      <c r="K20" s="329">
        <v>1023266.3272402487</v>
      </c>
    </row>
    <row r="21" spans="2:11" s="269" customFormat="1" ht="20.25" customHeight="1">
      <c r="B21" s="327">
        <v>11</v>
      </c>
      <c r="C21" s="328" t="s">
        <v>376</v>
      </c>
      <c r="D21" s="331">
        <v>287423.36109527532</v>
      </c>
      <c r="E21" s="331">
        <v>451341.58247870166</v>
      </c>
      <c r="F21" s="331">
        <v>661942.15471140388</v>
      </c>
      <c r="G21" s="331">
        <v>873990.96234787232</v>
      </c>
      <c r="H21" s="331">
        <v>287423.36109527532</v>
      </c>
      <c r="I21" s="331">
        <v>451341.58247870166</v>
      </c>
      <c r="J21" s="331">
        <v>661942.15471140388</v>
      </c>
      <c r="K21" s="331">
        <v>873990.96234787232</v>
      </c>
    </row>
    <row r="22" spans="2:11" s="269" customFormat="1" ht="20.25" customHeight="1">
      <c r="B22" s="327">
        <v>12</v>
      </c>
      <c r="C22" s="328" t="s">
        <v>377</v>
      </c>
      <c r="D22" s="331">
        <v>0</v>
      </c>
      <c r="E22" s="331">
        <v>0</v>
      </c>
      <c r="F22" s="331">
        <v>0</v>
      </c>
      <c r="G22" s="331">
        <v>0</v>
      </c>
      <c r="H22" s="331">
        <v>0</v>
      </c>
      <c r="I22" s="331">
        <v>0</v>
      </c>
      <c r="J22" s="331">
        <v>0</v>
      </c>
      <c r="K22" s="331">
        <v>0</v>
      </c>
    </row>
    <row r="23" spans="2:11" s="269" customFormat="1" ht="20.25" customHeight="1">
      <c r="B23" s="327">
        <v>13</v>
      </c>
      <c r="C23" s="328" t="s">
        <v>378</v>
      </c>
      <c r="D23" s="329">
        <v>637669.7770682245</v>
      </c>
      <c r="E23" s="329">
        <v>658077.33723500732</v>
      </c>
      <c r="F23" s="329">
        <v>601635.69556406641</v>
      </c>
      <c r="G23" s="329">
        <v>548441.1265069549</v>
      </c>
      <c r="H23" s="329">
        <v>146488.73432065648</v>
      </c>
      <c r="I23" s="329">
        <v>151754.42800254902</v>
      </c>
      <c r="J23" s="329">
        <v>149967.65919244484</v>
      </c>
      <c r="K23" s="329">
        <v>149275.3648923763</v>
      </c>
    </row>
    <row r="24" spans="2:11" s="269" customFormat="1" ht="20.25" customHeight="1">
      <c r="B24" s="327">
        <v>14</v>
      </c>
      <c r="C24" s="330" t="s">
        <v>379</v>
      </c>
      <c r="D24" s="329">
        <v>103904.0626162415</v>
      </c>
      <c r="E24" s="329">
        <v>104218.06112638663</v>
      </c>
      <c r="F24" s="329">
        <v>121760.96858497294</v>
      </c>
      <c r="G24" s="329">
        <v>121425.69080719519</v>
      </c>
      <c r="H24" s="329">
        <v>0</v>
      </c>
      <c r="I24" s="329">
        <v>0</v>
      </c>
      <c r="J24" s="329">
        <v>0</v>
      </c>
      <c r="K24" s="329">
        <v>0</v>
      </c>
    </row>
    <row r="25" spans="2:11" s="269" customFormat="1" ht="20.25" customHeight="1">
      <c r="B25" s="327">
        <v>15</v>
      </c>
      <c r="C25" s="330" t="s">
        <v>380</v>
      </c>
      <c r="D25" s="329">
        <v>8687637.381526025</v>
      </c>
      <c r="E25" s="329">
        <v>8515119.3831732254</v>
      </c>
      <c r="F25" s="329">
        <v>8535940.8555585127</v>
      </c>
      <c r="G25" s="329">
        <v>8650080.3746807966</v>
      </c>
      <c r="H25" s="329">
        <v>218375.55283506995</v>
      </c>
      <c r="I25" s="329">
        <v>206867.44834832163</v>
      </c>
      <c r="J25" s="329">
        <v>195923.55872841144</v>
      </c>
      <c r="K25" s="329">
        <v>192047.80523628008</v>
      </c>
    </row>
    <row r="26" spans="2:11" s="269" customFormat="1" ht="20.25" customHeight="1">
      <c r="B26" s="332">
        <v>16</v>
      </c>
      <c r="C26" s="333" t="s">
        <v>381</v>
      </c>
      <c r="D26" s="958"/>
      <c r="E26" s="958"/>
      <c r="F26" s="958"/>
      <c r="G26" s="958"/>
      <c r="H26" s="334">
        <v>8984288.4697071258</v>
      </c>
      <c r="I26" s="334">
        <v>9121065.8393916301</v>
      </c>
      <c r="J26" s="334">
        <v>9248281.5093262829</v>
      </c>
      <c r="K26" s="334">
        <v>9278289.0166473631</v>
      </c>
    </row>
    <row r="27" spans="2:11" s="11" customFormat="1" ht="20.25" customHeight="1" thickBot="1">
      <c r="B27" s="945" t="s">
        <v>382</v>
      </c>
      <c r="C27" s="945"/>
      <c r="D27" s="945"/>
      <c r="E27" s="945"/>
      <c r="F27" s="945"/>
      <c r="G27" s="945"/>
      <c r="H27" s="945"/>
      <c r="I27" s="945"/>
      <c r="J27" s="945"/>
      <c r="K27" s="945"/>
    </row>
    <row r="28" spans="2:11" s="269" customFormat="1" ht="20.25" customHeight="1">
      <c r="B28" s="324">
        <v>17</v>
      </c>
      <c r="C28" s="325" t="s">
        <v>383</v>
      </c>
      <c r="D28" s="335"/>
      <c r="E28" s="335"/>
      <c r="F28" s="335"/>
      <c r="G28" s="335"/>
      <c r="H28" s="335">
        <v>393816.30730333336</v>
      </c>
      <c r="I28" s="335">
        <v>423666.01541196211</v>
      </c>
      <c r="J28" s="335">
        <v>420834.89533847634</v>
      </c>
      <c r="K28" s="335">
        <v>437574.83707949409</v>
      </c>
    </row>
    <row r="29" spans="2:11" s="269" customFormat="1" ht="20.25" customHeight="1">
      <c r="B29" s="327">
        <v>18</v>
      </c>
      <c r="C29" s="330" t="s">
        <v>384</v>
      </c>
      <c r="D29" s="329">
        <v>1057025.3540919286</v>
      </c>
      <c r="E29" s="329">
        <v>970269.71297111723</v>
      </c>
      <c r="F29" s="329">
        <v>959330.47922507359</v>
      </c>
      <c r="G29" s="329">
        <v>948550.22942641238</v>
      </c>
      <c r="H29" s="329">
        <v>679080.50181156897</v>
      </c>
      <c r="I29" s="329">
        <v>632604.13609410811</v>
      </c>
      <c r="J29" s="329">
        <v>713046.57106687559</v>
      </c>
      <c r="K29" s="329">
        <v>648999.57856531942</v>
      </c>
    </row>
    <row r="30" spans="2:11" s="269" customFormat="1" ht="20.25" customHeight="1">
      <c r="B30" s="327">
        <v>19</v>
      </c>
      <c r="C30" s="330" t="s">
        <v>385</v>
      </c>
      <c r="D30" s="329">
        <v>70755.320949013156</v>
      </c>
      <c r="E30" s="329">
        <v>65659.667711713235</v>
      </c>
      <c r="F30" s="329">
        <v>66922.348009349618</v>
      </c>
      <c r="G30" s="329">
        <v>56232.969126462813</v>
      </c>
      <c r="H30" s="329">
        <v>70755.320949013156</v>
      </c>
      <c r="I30" s="329">
        <v>65659.667711713235</v>
      </c>
      <c r="J30" s="329">
        <v>66922.348009349618</v>
      </c>
      <c r="K30" s="329">
        <v>56232.969126462813</v>
      </c>
    </row>
    <row r="31" spans="2:11" s="269" customFormat="1" ht="20.25" customHeight="1">
      <c r="B31" s="951" t="s">
        <v>386</v>
      </c>
      <c r="C31" s="953" t="s">
        <v>387</v>
      </c>
      <c r="D31" s="959"/>
      <c r="E31" s="959"/>
      <c r="F31" s="959"/>
      <c r="G31" s="959"/>
      <c r="H31" s="949">
        <v>0</v>
      </c>
      <c r="I31" s="949">
        <v>0</v>
      </c>
      <c r="J31" s="949">
        <v>0</v>
      </c>
      <c r="K31" s="949">
        <v>0</v>
      </c>
    </row>
    <row r="32" spans="2:11" s="269" customFormat="1" ht="20.25" customHeight="1">
      <c r="B32" s="951"/>
      <c r="C32" s="953"/>
      <c r="D32" s="956"/>
      <c r="E32" s="956"/>
      <c r="F32" s="956"/>
      <c r="G32" s="956"/>
      <c r="H32" s="949">
        <v>0</v>
      </c>
      <c r="I32" s="949">
        <v>0</v>
      </c>
      <c r="J32" s="949">
        <v>0</v>
      </c>
      <c r="K32" s="949">
        <v>0</v>
      </c>
    </row>
    <row r="33" spans="2:11" s="269" customFormat="1" ht="20.25" customHeight="1">
      <c r="B33" s="951" t="s">
        <v>388</v>
      </c>
      <c r="C33" s="953" t="s">
        <v>389</v>
      </c>
      <c r="D33" s="956"/>
      <c r="E33" s="956"/>
      <c r="F33" s="956"/>
      <c r="G33" s="956"/>
      <c r="H33" s="949">
        <v>0</v>
      </c>
      <c r="I33" s="949">
        <v>0</v>
      </c>
      <c r="J33" s="949">
        <v>0</v>
      </c>
      <c r="K33" s="949">
        <v>0</v>
      </c>
    </row>
    <row r="34" spans="2:11" s="269" customFormat="1" ht="20.25" customHeight="1">
      <c r="B34" s="951"/>
      <c r="C34" s="953"/>
      <c r="D34" s="957"/>
      <c r="E34" s="957"/>
      <c r="F34" s="957"/>
      <c r="G34" s="957"/>
      <c r="H34" s="949">
        <v>0</v>
      </c>
      <c r="I34" s="949">
        <v>0</v>
      </c>
      <c r="J34" s="949">
        <v>0</v>
      </c>
      <c r="K34" s="949">
        <v>0</v>
      </c>
    </row>
    <row r="35" spans="2:11" s="269" customFormat="1" ht="20.25" customHeight="1">
      <c r="B35" s="327">
        <v>20</v>
      </c>
      <c r="C35" s="330" t="s">
        <v>390</v>
      </c>
      <c r="D35" s="329">
        <v>1471830.3494109418</v>
      </c>
      <c r="E35" s="329">
        <v>1422874.6410547926</v>
      </c>
      <c r="F35" s="329">
        <v>1414398.1000162328</v>
      </c>
      <c r="G35" s="329">
        <v>1417692.629934869</v>
      </c>
      <c r="H35" s="329">
        <v>1143652.1300639156</v>
      </c>
      <c r="I35" s="329">
        <v>1121929.8192177834</v>
      </c>
      <c r="J35" s="329">
        <v>1132294.5234898964</v>
      </c>
      <c r="K35" s="329">
        <v>1142807.3847712763</v>
      </c>
    </row>
    <row r="36" spans="2:11" s="269" customFormat="1" ht="20.25" customHeight="1">
      <c r="B36" s="951" t="s">
        <v>125</v>
      </c>
      <c r="C36" s="953" t="s">
        <v>391</v>
      </c>
      <c r="D36" s="955">
        <v>0</v>
      </c>
      <c r="E36" s="955">
        <v>0</v>
      </c>
      <c r="F36" s="955">
        <v>0</v>
      </c>
      <c r="G36" s="955">
        <v>0</v>
      </c>
      <c r="H36" s="955">
        <v>0</v>
      </c>
      <c r="I36" s="955">
        <v>0</v>
      </c>
      <c r="J36" s="955">
        <v>0</v>
      </c>
      <c r="K36" s="955">
        <v>0</v>
      </c>
    </row>
    <row r="37" spans="2:11" s="269" customFormat="1" ht="20.25" customHeight="1">
      <c r="B37" s="951"/>
      <c r="C37" s="953"/>
      <c r="D37" s="955">
        <v>0</v>
      </c>
      <c r="E37" s="955">
        <v>0</v>
      </c>
      <c r="F37" s="955">
        <v>0</v>
      </c>
      <c r="G37" s="955">
        <v>0</v>
      </c>
      <c r="H37" s="955">
        <v>0</v>
      </c>
      <c r="I37" s="955">
        <v>0</v>
      </c>
      <c r="J37" s="955">
        <v>0</v>
      </c>
      <c r="K37" s="955">
        <v>0</v>
      </c>
    </row>
    <row r="38" spans="2:11" s="269" customFormat="1" ht="20.25" customHeight="1">
      <c r="B38" s="951" t="s">
        <v>127</v>
      </c>
      <c r="C38" s="953" t="s">
        <v>392</v>
      </c>
      <c r="D38" s="955">
        <v>0</v>
      </c>
      <c r="E38" s="955">
        <v>0</v>
      </c>
      <c r="F38" s="955">
        <v>0</v>
      </c>
      <c r="G38" s="955">
        <v>0</v>
      </c>
      <c r="H38" s="955">
        <v>0</v>
      </c>
      <c r="I38" s="955">
        <v>0</v>
      </c>
      <c r="J38" s="955">
        <v>0</v>
      </c>
      <c r="K38" s="955">
        <v>0</v>
      </c>
    </row>
    <row r="39" spans="2:11" s="269" customFormat="1" ht="20.25" customHeight="1">
      <c r="B39" s="951"/>
      <c r="C39" s="953"/>
      <c r="D39" s="955">
        <v>0</v>
      </c>
      <c r="E39" s="955">
        <v>0</v>
      </c>
      <c r="F39" s="955">
        <v>0</v>
      </c>
      <c r="G39" s="955">
        <v>0</v>
      </c>
      <c r="H39" s="955">
        <v>0</v>
      </c>
      <c r="I39" s="955">
        <v>0</v>
      </c>
      <c r="J39" s="955">
        <v>0</v>
      </c>
      <c r="K39" s="955">
        <v>0</v>
      </c>
    </row>
    <row r="40" spans="2:11" s="269" customFormat="1" ht="20.25" customHeight="1">
      <c r="B40" s="951" t="s">
        <v>129</v>
      </c>
      <c r="C40" s="953" t="s">
        <v>393</v>
      </c>
      <c r="D40" s="949">
        <v>1471830.3494109418</v>
      </c>
      <c r="E40" s="949">
        <v>1422874.6410547926</v>
      </c>
      <c r="F40" s="949">
        <v>1414398.1000162328</v>
      </c>
      <c r="G40" s="949">
        <v>1417692.629934869</v>
      </c>
      <c r="H40" s="949">
        <v>1143652.1300639156</v>
      </c>
      <c r="I40" s="949">
        <v>1121929.8192177834</v>
      </c>
      <c r="J40" s="949">
        <v>1132294.5234898964</v>
      </c>
      <c r="K40" s="949">
        <v>1142807.3847712763</v>
      </c>
    </row>
    <row r="41" spans="2:11" s="269" customFormat="1" ht="20.25" customHeight="1">
      <c r="B41" s="952"/>
      <c r="C41" s="954"/>
      <c r="D41" s="950">
        <v>0</v>
      </c>
      <c r="E41" s="950">
        <v>0</v>
      </c>
      <c r="F41" s="950">
        <v>0</v>
      </c>
      <c r="G41" s="950">
        <v>0</v>
      </c>
      <c r="H41" s="950">
        <v>0</v>
      </c>
      <c r="I41" s="950">
        <v>0</v>
      </c>
      <c r="J41" s="950">
        <v>0</v>
      </c>
      <c r="K41" s="950">
        <v>0</v>
      </c>
    </row>
    <row r="42" spans="2:11" s="11" customFormat="1" ht="20.25" customHeight="1" thickBot="1">
      <c r="B42" s="945" t="s">
        <v>394</v>
      </c>
      <c r="C42" s="945"/>
      <c r="D42" s="945"/>
      <c r="E42" s="945"/>
      <c r="F42" s="945"/>
      <c r="G42" s="945"/>
      <c r="H42" s="945"/>
      <c r="I42" s="945"/>
      <c r="J42" s="945"/>
      <c r="K42" s="945"/>
    </row>
    <row r="43" spans="2:11" s="269" customFormat="1" ht="20.25" customHeight="1">
      <c r="B43" s="337" t="s">
        <v>395</v>
      </c>
      <c r="C43" s="338" t="s">
        <v>396</v>
      </c>
      <c r="D43" s="946"/>
      <c r="E43" s="946"/>
      <c r="F43" s="946"/>
      <c r="G43" s="946"/>
      <c r="H43" s="339">
        <v>11257864.441808566</v>
      </c>
      <c r="I43" s="339">
        <v>11253453.344783062</v>
      </c>
      <c r="J43" s="339">
        <v>11415359.703186685</v>
      </c>
      <c r="K43" s="339">
        <v>11499169.607716365</v>
      </c>
    </row>
    <row r="44" spans="2:11" s="269" customFormat="1" ht="20.25" customHeight="1">
      <c r="B44" s="340">
        <v>22</v>
      </c>
      <c r="C44" s="321" t="s">
        <v>397</v>
      </c>
      <c r="D44" s="947"/>
      <c r="E44" s="947"/>
      <c r="F44" s="947"/>
      <c r="G44" s="947"/>
      <c r="H44" s="341">
        <v>7840636.3396432102</v>
      </c>
      <c r="I44" s="341">
        <v>7999136.0201738467</v>
      </c>
      <c r="J44" s="341">
        <v>8115986.9858363867</v>
      </c>
      <c r="K44" s="341">
        <v>8135481.6318760868</v>
      </c>
    </row>
    <row r="45" spans="2:11" s="269" customFormat="1" ht="20.25" customHeight="1" thickBot="1">
      <c r="B45" s="342">
        <v>23</v>
      </c>
      <c r="C45" s="343" t="s">
        <v>398</v>
      </c>
      <c r="D45" s="948"/>
      <c r="E45" s="948"/>
      <c r="F45" s="948"/>
      <c r="G45" s="948"/>
      <c r="H45" s="344">
        <v>1.4358355564697518</v>
      </c>
      <c r="I45" s="344">
        <v>1.4068336025793056</v>
      </c>
      <c r="J45" s="344">
        <v>1.4065276007845009</v>
      </c>
      <c r="K45" s="344">
        <v>1.4134589847343302</v>
      </c>
    </row>
    <row r="46" spans="2:11" s="187" customFormat="1">
      <c r="H46" s="848"/>
      <c r="I46" s="848"/>
      <c r="J46" s="848"/>
      <c r="K46" s="848"/>
    </row>
    <row r="47" spans="2:11">
      <c r="B47" s="345"/>
      <c r="H47" s="849"/>
      <c r="I47" s="849"/>
      <c r="J47" s="849"/>
      <c r="K47" s="849"/>
    </row>
    <row r="48" spans="2:11">
      <c r="H48" s="849"/>
      <c r="I48" s="849"/>
      <c r="J48" s="849"/>
      <c r="K48" s="849"/>
    </row>
    <row r="49" spans="8:11">
      <c r="H49" s="850"/>
      <c r="I49" s="850"/>
      <c r="J49" s="850"/>
      <c r="K49" s="850"/>
    </row>
    <row r="50" spans="8:11">
      <c r="H50" s="346"/>
      <c r="I50" s="346"/>
      <c r="J50" s="346"/>
      <c r="K50" s="346"/>
    </row>
  </sheetData>
  <mergeCells count="56">
    <mergeCell ref="D19:G19"/>
    <mergeCell ref="D6:G6"/>
    <mergeCell ref="H6:K6"/>
    <mergeCell ref="B9:K9"/>
    <mergeCell ref="D10:G10"/>
    <mergeCell ref="B11:K11"/>
    <mergeCell ref="D26:G26"/>
    <mergeCell ref="B27:K27"/>
    <mergeCell ref="B31:B32"/>
    <mergeCell ref="C31:C32"/>
    <mergeCell ref="D31:G32"/>
    <mergeCell ref="H31:H32"/>
    <mergeCell ref="I31:I32"/>
    <mergeCell ref="J31:J32"/>
    <mergeCell ref="K31:K32"/>
    <mergeCell ref="K33:K34"/>
    <mergeCell ref="B36:B37"/>
    <mergeCell ref="C36:C37"/>
    <mergeCell ref="D36:D37"/>
    <mergeCell ref="E36:E37"/>
    <mergeCell ref="F36:F37"/>
    <mergeCell ref="G36:G37"/>
    <mergeCell ref="H36:H37"/>
    <mergeCell ref="I36:I37"/>
    <mergeCell ref="J36:J37"/>
    <mergeCell ref="B33:B34"/>
    <mergeCell ref="C33:C34"/>
    <mergeCell ref="D33:G34"/>
    <mergeCell ref="H33:H34"/>
    <mergeCell ref="I33:I34"/>
    <mergeCell ref="J33:J34"/>
    <mergeCell ref="K36:K37"/>
    <mergeCell ref="B38:B39"/>
    <mergeCell ref="C38:C39"/>
    <mergeCell ref="D38:D39"/>
    <mergeCell ref="E38:E39"/>
    <mergeCell ref="F38:F39"/>
    <mergeCell ref="G38:G39"/>
    <mergeCell ref="H38:H39"/>
    <mergeCell ref="I38:I39"/>
    <mergeCell ref="J38:J39"/>
    <mergeCell ref="K38:K39"/>
    <mergeCell ref="B42:K42"/>
    <mergeCell ref="D43:G43"/>
    <mergeCell ref="D44:G44"/>
    <mergeCell ref="D45:G45"/>
    <mergeCell ref="G40:G41"/>
    <mergeCell ref="H40:H41"/>
    <mergeCell ref="I40:I41"/>
    <mergeCell ref="J40:J41"/>
    <mergeCell ref="K40:K41"/>
    <mergeCell ref="B40:B41"/>
    <mergeCell ref="C40:C41"/>
    <mergeCell ref="D40:D41"/>
    <mergeCell ref="E40:E41"/>
    <mergeCell ref="F40:F41"/>
  </mergeCells>
  <hyperlinks>
    <hyperlink ref="M1" location="Índice!A1" display="Voltar ao Índice" xr:uid="{00000000-0004-0000-2800-000000000000}"/>
  </hyperlinks>
  <pageMargins left="0.70866141732283472" right="0.70866141732283472" top="0.74803149606299213" bottom="0.74803149606299213" header="0.31496062992125984" footer="0.31496062992125984"/>
  <pageSetup paperSize="9" scale="54" orientation="landscape" r:id="rId1"/>
  <headerFooter>
    <oddFooter>&amp;C1</oddFooter>
  </headerFooter>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900-000000000000}">
  <sheetPr>
    <tabColor rgb="FFFF0000"/>
  </sheetPr>
  <dimension ref="B1:J47"/>
  <sheetViews>
    <sheetView showGridLines="0" zoomScaleNormal="100" zoomScalePageLayoutView="70" workbookViewId="0"/>
  </sheetViews>
  <sheetFormatPr defaultColWidth="9.140625" defaultRowHeight="18.75"/>
  <cols>
    <col min="1" max="1" width="4.7109375" style="9" customWidth="1"/>
    <col min="2" max="2" width="9.140625" style="9"/>
    <col min="3" max="3" width="83.140625" style="9" customWidth="1"/>
    <col min="4" max="8" width="21.140625" style="9" customWidth="1"/>
    <col min="9" max="9" width="12.140625" style="9" bestFit="1" customWidth="1"/>
    <col min="10" max="10" width="13.140625" style="9" bestFit="1" customWidth="1"/>
    <col min="11" max="16384" width="9.140625" style="9"/>
  </cols>
  <sheetData>
    <row r="1" spans="2:10" ht="24">
      <c r="B1" s="8" t="s">
        <v>357</v>
      </c>
      <c r="J1" s="53" t="s">
        <v>945</v>
      </c>
    </row>
    <row r="2" spans="2:10" s="130" customFormat="1" ht="19.5">
      <c r="B2" s="273" t="s">
        <v>399</v>
      </c>
    </row>
    <row r="3" spans="2:10" s="274" customFormat="1">
      <c r="B3" s="262" t="s">
        <v>750</v>
      </c>
    </row>
    <row r="4" spans="2:10" s="274" customFormat="1">
      <c r="B4" s="130"/>
    </row>
    <row r="5" spans="2:10" s="269" customFormat="1" ht="20.25" customHeight="1">
      <c r="B5" s="964"/>
      <c r="C5" s="964"/>
      <c r="D5" s="275" t="s">
        <v>4</v>
      </c>
      <c r="E5" s="275" t="s">
        <v>5</v>
      </c>
      <c r="F5" s="275" t="s">
        <v>6</v>
      </c>
      <c r="G5" s="275" t="s">
        <v>41</v>
      </c>
      <c r="H5" s="93" t="s">
        <v>42</v>
      </c>
    </row>
    <row r="6" spans="2:10" s="269" customFormat="1" ht="30" customHeight="1">
      <c r="B6" s="964"/>
      <c r="C6" s="964"/>
      <c r="D6" s="888" t="s">
        <v>400</v>
      </c>
      <c r="E6" s="888"/>
      <c r="F6" s="888"/>
      <c r="G6" s="888"/>
      <c r="H6" s="907" t="s">
        <v>401</v>
      </c>
    </row>
    <row r="7" spans="2:10" s="269" customFormat="1" ht="30" customHeight="1">
      <c r="B7" s="964"/>
      <c r="C7" s="964"/>
      <c r="D7" s="276" t="s">
        <v>402</v>
      </c>
      <c r="E7" s="276" t="s">
        <v>403</v>
      </c>
      <c r="F7" s="276" t="s">
        <v>404</v>
      </c>
      <c r="G7" s="276" t="s">
        <v>405</v>
      </c>
      <c r="H7" s="876"/>
    </row>
    <row r="8" spans="2:10" s="269" customFormat="1" ht="20.25" customHeight="1" thickBot="1">
      <c r="B8" s="277" t="s">
        <v>406</v>
      </c>
      <c r="C8" s="277"/>
      <c r="D8" s="277"/>
      <c r="E8" s="277"/>
      <c r="F8" s="277"/>
      <c r="G8" s="277"/>
      <c r="H8" s="277"/>
    </row>
    <row r="9" spans="2:10" s="11" customFormat="1" ht="20.25" customHeight="1">
      <c r="B9" s="278">
        <v>1</v>
      </c>
      <c r="C9" s="279" t="s">
        <v>407</v>
      </c>
      <c r="D9" s="280">
        <v>3079476.2</v>
      </c>
      <c r="E9" s="280">
        <v>0</v>
      </c>
      <c r="F9" s="280">
        <v>0</v>
      </c>
      <c r="G9" s="281">
        <v>261063.23003000001</v>
      </c>
      <c r="H9" s="281">
        <v>3340539.4300300004</v>
      </c>
    </row>
    <row r="10" spans="2:10" s="269" customFormat="1" ht="20.25" customHeight="1">
      <c r="B10" s="282">
        <v>2</v>
      </c>
      <c r="C10" s="246" t="s">
        <v>408</v>
      </c>
      <c r="D10" s="283">
        <v>3079476.2</v>
      </c>
      <c r="E10" s="284">
        <v>0</v>
      </c>
      <c r="F10" s="284">
        <v>0</v>
      </c>
      <c r="G10" s="284">
        <v>261063.23003000001</v>
      </c>
      <c r="H10" s="284">
        <v>3340539.4300300004</v>
      </c>
    </row>
    <row r="11" spans="2:10" s="269" customFormat="1" ht="20.25" customHeight="1">
      <c r="B11" s="282">
        <v>3</v>
      </c>
      <c r="C11" s="246" t="s">
        <v>409</v>
      </c>
      <c r="D11" s="285"/>
      <c r="E11" s="284">
        <v>0</v>
      </c>
      <c r="F11" s="284">
        <v>0</v>
      </c>
      <c r="G11" s="286">
        <v>0</v>
      </c>
      <c r="H11" s="286">
        <v>0</v>
      </c>
    </row>
    <row r="12" spans="2:10" s="11" customFormat="1" ht="20.25" customHeight="1">
      <c r="B12" s="287">
        <v>4</v>
      </c>
      <c r="C12" s="288" t="s">
        <v>410</v>
      </c>
      <c r="D12" s="289"/>
      <c r="E12" s="290">
        <v>27709930.695785075</v>
      </c>
      <c r="F12" s="290">
        <v>0</v>
      </c>
      <c r="G12" s="290">
        <v>0</v>
      </c>
      <c r="H12" s="290">
        <v>25908111.022395849</v>
      </c>
    </row>
    <row r="13" spans="2:10" s="269" customFormat="1" ht="20.25" customHeight="1">
      <c r="B13" s="282">
        <v>5</v>
      </c>
      <c r="C13" s="291" t="s">
        <v>368</v>
      </c>
      <c r="D13" s="289"/>
      <c r="E13" s="286">
        <v>19383467.923785646</v>
      </c>
      <c r="F13" s="286">
        <v>0</v>
      </c>
      <c r="G13" s="286">
        <v>0</v>
      </c>
      <c r="H13" s="286">
        <v>18414294.527596362</v>
      </c>
    </row>
    <row r="14" spans="2:10" s="269" customFormat="1" ht="20.25" customHeight="1">
      <c r="B14" s="282">
        <v>6</v>
      </c>
      <c r="C14" s="291" t="s">
        <v>369</v>
      </c>
      <c r="D14" s="289"/>
      <c r="E14" s="286">
        <v>8326462.7719994308</v>
      </c>
      <c r="F14" s="286">
        <v>0</v>
      </c>
      <c r="G14" s="286">
        <v>0</v>
      </c>
      <c r="H14" s="286">
        <v>7493816.4947994882</v>
      </c>
    </row>
    <row r="15" spans="2:10" s="11" customFormat="1" ht="20.25" customHeight="1">
      <c r="B15" s="287">
        <v>7</v>
      </c>
      <c r="C15" s="288" t="s">
        <v>411</v>
      </c>
      <c r="D15" s="289"/>
      <c r="E15" s="286">
        <v>14237364.137124736</v>
      </c>
      <c r="F15" s="286">
        <v>750326.88807999995</v>
      </c>
      <c r="G15" s="286">
        <v>8859007.3676335029</v>
      </c>
      <c r="H15" s="286">
        <v>13687526.668537436</v>
      </c>
    </row>
    <row r="16" spans="2:10" s="269" customFormat="1" ht="20.25" customHeight="1">
      <c r="B16" s="282">
        <v>8</v>
      </c>
      <c r="C16" s="246" t="s">
        <v>412</v>
      </c>
      <c r="D16" s="289"/>
      <c r="E16" s="286">
        <v>0</v>
      </c>
      <c r="F16" s="286">
        <v>0</v>
      </c>
      <c r="G16" s="286">
        <v>0</v>
      </c>
      <c r="H16" s="286">
        <v>0</v>
      </c>
    </row>
    <row r="17" spans="2:9" s="269" customFormat="1" ht="20.25" customHeight="1">
      <c r="B17" s="282">
        <v>9</v>
      </c>
      <c r="C17" s="246" t="s">
        <v>413</v>
      </c>
      <c r="D17" s="292"/>
      <c r="E17" s="286">
        <v>14237364.137124736</v>
      </c>
      <c r="F17" s="286">
        <v>750326.88807999995</v>
      </c>
      <c r="G17" s="286">
        <v>8859007.3676335029</v>
      </c>
      <c r="H17" s="286">
        <v>13687526.668537436</v>
      </c>
    </row>
    <row r="18" spans="2:9" s="11" customFormat="1" ht="20.25" customHeight="1">
      <c r="B18" s="287">
        <v>10</v>
      </c>
      <c r="C18" s="288" t="s">
        <v>414</v>
      </c>
      <c r="D18" s="292"/>
      <c r="E18" s="286">
        <v>0</v>
      </c>
      <c r="F18" s="286">
        <v>0</v>
      </c>
      <c r="G18" s="286">
        <v>0</v>
      </c>
      <c r="H18" s="286">
        <v>0</v>
      </c>
    </row>
    <row r="19" spans="2:9" s="11" customFormat="1" ht="20.25" customHeight="1">
      <c r="B19" s="287">
        <v>11</v>
      </c>
      <c r="C19" s="288" t="s">
        <v>415</v>
      </c>
      <c r="D19" s="293" t="s">
        <v>808</v>
      </c>
      <c r="E19" s="290">
        <v>360395.43437669135</v>
      </c>
      <c r="F19" s="290">
        <v>0</v>
      </c>
      <c r="G19" s="290">
        <v>121553.981</v>
      </c>
      <c r="H19" s="290">
        <v>121553.981</v>
      </c>
    </row>
    <row r="20" spans="2:9" s="269" customFormat="1" ht="20.25" customHeight="1">
      <c r="B20" s="282">
        <v>12</v>
      </c>
      <c r="C20" s="291" t="s">
        <v>416</v>
      </c>
      <c r="D20" s="294">
        <v>0</v>
      </c>
      <c r="E20" s="295"/>
      <c r="F20" s="295"/>
      <c r="G20" s="295"/>
      <c r="H20" s="295"/>
    </row>
    <row r="21" spans="2:9" s="269" customFormat="1" ht="20.25" customHeight="1">
      <c r="B21" s="282">
        <v>13</v>
      </c>
      <c r="C21" s="291" t="s">
        <v>417</v>
      </c>
      <c r="D21" s="285"/>
      <c r="E21" s="286">
        <v>360395.43437669135</v>
      </c>
      <c r="F21" s="286">
        <v>0</v>
      </c>
      <c r="G21" s="286">
        <v>121553.981</v>
      </c>
      <c r="H21" s="286">
        <v>121553.981</v>
      </c>
    </row>
    <row r="22" spans="2:9" s="269" customFormat="1" ht="20.25" customHeight="1">
      <c r="B22" s="296">
        <v>14</v>
      </c>
      <c r="C22" s="297" t="s">
        <v>418</v>
      </c>
      <c r="D22" s="298"/>
      <c r="E22" s="299"/>
      <c r="F22" s="299"/>
      <c r="G22" s="299"/>
      <c r="H22" s="300">
        <v>43057731.101963282</v>
      </c>
      <c r="I22" s="301">
        <v>0</v>
      </c>
    </row>
    <row r="23" spans="2:9" s="269" customFormat="1" ht="20.25" customHeight="1" thickBot="1">
      <c r="B23" s="277" t="s">
        <v>419</v>
      </c>
      <c r="C23" s="277"/>
      <c r="D23" s="302"/>
      <c r="E23" s="302"/>
      <c r="F23" s="302"/>
      <c r="G23" s="302"/>
      <c r="H23" s="302"/>
    </row>
    <row r="24" spans="2:9" s="11" customFormat="1" ht="20.25" customHeight="1">
      <c r="B24" s="303">
        <v>15</v>
      </c>
      <c r="C24" s="279" t="s">
        <v>365</v>
      </c>
      <c r="D24" s="304"/>
      <c r="E24" s="305"/>
      <c r="F24" s="305"/>
      <c r="G24" s="305"/>
      <c r="H24" s="280">
        <v>0</v>
      </c>
    </row>
    <row r="25" spans="2:9" s="11" customFormat="1" ht="20.25" customHeight="1">
      <c r="B25" s="287" t="s">
        <v>420</v>
      </c>
      <c r="C25" s="288" t="s">
        <v>421</v>
      </c>
      <c r="D25" s="289"/>
      <c r="E25" s="290">
        <v>740.99545620399965</v>
      </c>
      <c r="F25" s="290">
        <v>1842.8012807230009</v>
      </c>
      <c r="G25" s="290">
        <v>11705246.358681165</v>
      </c>
      <c r="H25" s="290">
        <v>9951655.6321053766</v>
      </c>
    </row>
    <row r="26" spans="2:9" s="11" customFormat="1" ht="20.25" customHeight="1">
      <c r="B26" s="287">
        <v>16</v>
      </c>
      <c r="C26" s="288" t="s">
        <v>422</v>
      </c>
      <c r="D26" s="289"/>
      <c r="E26" s="290">
        <v>0</v>
      </c>
      <c r="F26" s="290">
        <v>0</v>
      </c>
      <c r="G26" s="290">
        <v>0</v>
      </c>
      <c r="H26" s="290">
        <v>0</v>
      </c>
    </row>
    <row r="27" spans="2:9" s="11" customFormat="1" ht="20.25" customHeight="1">
      <c r="B27" s="287">
        <v>17</v>
      </c>
      <c r="C27" s="288" t="s">
        <v>423</v>
      </c>
      <c r="D27" s="289"/>
      <c r="E27" s="290">
        <v>2764601.5512048169</v>
      </c>
      <c r="F27" s="290">
        <v>1558118.7072438314</v>
      </c>
      <c r="G27" s="290">
        <v>27297347.362818103</v>
      </c>
      <c r="H27" s="290">
        <v>23315928.395465359</v>
      </c>
    </row>
    <row r="28" spans="2:9" s="269" customFormat="1" ht="30" customHeight="1">
      <c r="B28" s="282">
        <v>18</v>
      </c>
      <c r="C28" s="246" t="s">
        <v>727</v>
      </c>
      <c r="D28" s="289"/>
      <c r="E28" s="286">
        <v>0</v>
      </c>
      <c r="F28" s="286">
        <v>0</v>
      </c>
      <c r="G28" s="286">
        <v>0</v>
      </c>
      <c r="H28" s="286">
        <v>0</v>
      </c>
    </row>
    <row r="29" spans="2:9" s="269" customFormat="1" ht="30" customHeight="1">
      <c r="B29" s="282">
        <v>19</v>
      </c>
      <c r="C29" s="246" t="s">
        <v>728</v>
      </c>
      <c r="D29" s="289"/>
      <c r="E29" s="286">
        <v>213305.6564200001</v>
      </c>
      <c r="F29" s="286">
        <v>62400.554110000012</v>
      </c>
      <c r="G29" s="286">
        <v>1232512.2214813118</v>
      </c>
      <c r="H29" s="286">
        <v>1285043.064178312</v>
      </c>
    </row>
    <row r="30" spans="2:9" s="269" customFormat="1" ht="30" customHeight="1">
      <c r="B30" s="282">
        <v>20</v>
      </c>
      <c r="C30" s="246" t="s">
        <v>729</v>
      </c>
      <c r="D30" s="289"/>
      <c r="E30" s="286">
        <v>2352588.2563728541</v>
      </c>
      <c r="F30" s="286">
        <v>1394624.3352945545</v>
      </c>
      <c r="G30" s="286">
        <v>11001537.81198482</v>
      </c>
      <c r="H30" s="286">
        <v>21874436.281161048</v>
      </c>
    </row>
    <row r="31" spans="2:9" s="269" customFormat="1" ht="30" customHeight="1">
      <c r="B31" s="282">
        <v>21</v>
      </c>
      <c r="C31" s="291" t="s">
        <v>424</v>
      </c>
      <c r="D31" s="289"/>
      <c r="E31" s="286">
        <v>0</v>
      </c>
      <c r="F31" s="286">
        <v>0</v>
      </c>
      <c r="G31" s="286">
        <v>5.029141902923584E-8</v>
      </c>
      <c r="H31" s="286">
        <v>7278701.9685588637</v>
      </c>
    </row>
    <row r="32" spans="2:9" s="269" customFormat="1" ht="20.25" customHeight="1">
      <c r="B32" s="282">
        <v>22</v>
      </c>
      <c r="C32" s="246" t="s">
        <v>425</v>
      </c>
      <c r="D32" s="289"/>
      <c r="E32" s="286">
        <v>198707.63841196283</v>
      </c>
      <c r="F32" s="286">
        <v>101093.81783927695</v>
      </c>
      <c r="G32" s="286">
        <v>14879313.529261971</v>
      </c>
      <c r="H32" s="286">
        <v>0</v>
      </c>
    </row>
    <row r="33" spans="2:9" s="269" customFormat="1" ht="25.5">
      <c r="B33" s="282">
        <v>23</v>
      </c>
      <c r="C33" s="291" t="s">
        <v>424</v>
      </c>
      <c r="D33" s="289"/>
      <c r="E33" s="286">
        <v>976.3066328712556</v>
      </c>
      <c r="F33" s="286">
        <v>2331.3426151449985</v>
      </c>
      <c r="G33" s="286">
        <v>11195458.68297665</v>
      </c>
      <c r="H33" s="286">
        <v>0</v>
      </c>
    </row>
    <row r="34" spans="2:9" s="269" customFormat="1" ht="30" customHeight="1">
      <c r="B34" s="282">
        <v>24</v>
      </c>
      <c r="C34" s="246" t="s">
        <v>426</v>
      </c>
      <c r="D34" s="289"/>
      <c r="E34" s="286">
        <v>0</v>
      </c>
      <c r="F34" s="286">
        <v>0</v>
      </c>
      <c r="G34" s="286">
        <v>183983.80008999998</v>
      </c>
      <c r="H34" s="286">
        <v>156449.05012599999</v>
      </c>
    </row>
    <row r="35" spans="2:9" s="11" customFormat="1" ht="20.25" customHeight="1">
      <c r="B35" s="287">
        <v>25</v>
      </c>
      <c r="C35" s="288" t="s">
        <v>427</v>
      </c>
      <c r="D35" s="306">
        <v>0</v>
      </c>
      <c r="E35" s="290">
        <v>0</v>
      </c>
      <c r="F35" s="290">
        <v>0</v>
      </c>
      <c r="G35" s="290">
        <v>0</v>
      </c>
      <c r="H35" s="290">
        <v>0</v>
      </c>
    </row>
    <row r="36" spans="2:9" s="11" customFormat="1" ht="20.25" customHeight="1">
      <c r="B36" s="287">
        <v>26</v>
      </c>
      <c r="C36" s="288" t="s">
        <v>428</v>
      </c>
      <c r="D36" s="290">
        <v>0</v>
      </c>
      <c r="E36" s="307">
        <v>268771.11074686196</v>
      </c>
      <c r="F36" s="307">
        <v>3244.3382709289958</v>
      </c>
      <c r="G36" s="307">
        <v>1316647.6829508469</v>
      </c>
      <c r="H36" s="307">
        <v>1610567.8301874478</v>
      </c>
    </row>
    <row r="37" spans="2:9" s="269" customFormat="1" ht="20.25" customHeight="1">
      <c r="B37" s="282">
        <v>27</v>
      </c>
      <c r="C37" s="246" t="s">
        <v>429</v>
      </c>
      <c r="D37" s="285"/>
      <c r="E37" s="295"/>
      <c r="F37" s="295"/>
      <c r="G37" s="286">
        <v>1717.49596</v>
      </c>
      <c r="H37" s="308">
        <v>1459.871566</v>
      </c>
    </row>
    <row r="38" spans="2:9" s="269" customFormat="1" ht="20.25" customHeight="1">
      <c r="B38" s="282">
        <v>28</v>
      </c>
      <c r="C38" s="246" t="s">
        <v>430</v>
      </c>
      <c r="D38" s="289"/>
      <c r="E38" s="962">
        <v>2552.2795599999999</v>
      </c>
      <c r="F38" s="962">
        <v>0</v>
      </c>
      <c r="G38" s="962">
        <v>0</v>
      </c>
      <c r="H38" s="286">
        <v>2169.4376259999999</v>
      </c>
    </row>
    <row r="39" spans="2:9" s="269" customFormat="1" ht="20.25" customHeight="1">
      <c r="B39" s="282">
        <v>29</v>
      </c>
      <c r="C39" s="246" t="s">
        <v>781</v>
      </c>
      <c r="D39" s="289"/>
      <c r="E39" s="963">
        <v>40148.603999174295</v>
      </c>
      <c r="F39" s="963">
        <v>0</v>
      </c>
      <c r="G39" s="963">
        <v>0</v>
      </c>
      <c r="H39" s="286">
        <v>40148.603999174295</v>
      </c>
    </row>
    <row r="40" spans="2:9" s="269" customFormat="1" ht="20.25" customHeight="1">
      <c r="B40" s="282">
        <v>30</v>
      </c>
      <c r="C40" s="246" t="s">
        <v>431</v>
      </c>
      <c r="D40" s="289"/>
      <c r="E40" s="962">
        <v>1275517.1719220115</v>
      </c>
      <c r="F40" s="962">
        <v>0</v>
      </c>
      <c r="G40" s="962">
        <v>0</v>
      </c>
      <c r="H40" s="286">
        <v>63775.858596100581</v>
      </c>
    </row>
    <row r="41" spans="2:9" s="269" customFormat="1" ht="20.25" customHeight="1">
      <c r="B41" s="282">
        <v>31</v>
      </c>
      <c r="C41" s="246" t="s">
        <v>432</v>
      </c>
      <c r="D41" s="289"/>
      <c r="E41" s="308">
        <v>268771.11074686196</v>
      </c>
      <c r="F41" s="308">
        <v>3244.3382709289958</v>
      </c>
      <c r="G41" s="308">
        <v>1314930.1869908469</v>
      </c>
      <c r="H41" s="308">
        <v>1503014.058400173</v>
      </c>
    </row>
    <row r="42" spans="2:9" s="269" customFormat="1" ht="20.25" customHeight="1">
      <c r="B42" s="287">
        <v>32</v>
      </c>
      <c r="C42" s="288" t="s">
        <v>433</v>
      </c>
      <c r="D42" s="289"/>
      <c r="E42" s="290">
        <v>5292704.2371479329</v>
      </c>
      <c r="F42" s="290">
        <v>790552.71197321359</v>
      </c>
      <c r="G42" s="290">
        <v>3581856.6898055747</v>
      </c>
      <c r="H42" s="307">
        <v>264773.07845144224</v>
      </c>
    </row>
    <row r="43" spans="2:9" s="269" customFormat="1" ht="20.25" customHeight="1">
      <c r="B43" s="296">
        <v>33</v>
      </c>
      <c r="C43" s="297" t="s">
        <v>434</v>
      </c>
      <c r="D43" s="298"/>
      <c r="E43" s="299"/>
      <c r="F43" s="299"/>
      <c r="G43" s="299"/>
      <c r="H43" s="300">
        <v>35142924.936209626</v>
      </c>
      <c r="I43" s="301"/>
    </row>
    <row r="44" spans="2:9" s="269" customFormat="1" ht="20.25" customHeight="1" thickBot="1">
      <c r="B44" s="277">
        <v>34</v>
      </c>
      <c r="C44" s="277" t="s">
        <v>435</v>
      </c>
      <c r="D44" s="302"/>
      <c r="E44" s="302"/>
      <c r="F44" s="302"/>
      <c r="G44" s="302"/>
      <c r="H44" s="309">
        <v>1.225217627164511</v>
      </c>
    </row>
    <row r="45" spans="2:9" s="130" customFormat="1"/>
    <row r="46" spans="2:9">
      <c r="H46" s="851"/>
    </row>
    <row r="47" spans="2:9">
      <c r="H47" s="310"/>
    </row>
  </sheetData>
  <mergeCells count="7">
    <mergeCell ref="H6:H7"/>
    <mergeCell ref="E38:G38"/>
    <mergeCell ref="E39:G39"/>
    <mergeCell ref="E40:G40"/>
    <mergeCell ref="B5:C5"/>
    <mergeCell ref="B6:C7"/>
    <mergeCell ref="D6:G6"/>
  </mergeCells>
  <hyperlinks>
    <hyperlink ref="J1" location="Índice!A1" display="Voltar ao Índice" xr:uid="{00000000-0004-0000-2900-000000000000}"/>
  </hyperlinks>
  <pageMargins left="0.70866141732283472" right="0.70866141732283472" top="0.74803149606299213" bottom="0.74803149606299213" header="0.31496062992125984" footer="0.31496062992125984"/>
  <pageSetup paperSize="9" scale="52" orientation="landscape" r:id="rId1"/>
  <headerFooter>
    <oddFooter>&amp;C1</oddFooter>
  </headerFooter>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A00-000000000000}">
  <sheetPr>
    <tabColor rgb="FFFF0000"/>
  </sheetPr>
  <dimension ref="A3:M17"/>
  <sheetViews>
    <sheetView showGridLines="0" zoomScaleNormal="100" zoomScalePageLayoutView="64" workbookViewId="0"/>
  </sheetViews>
  <sheetFormatPr defaultColWidth="9.140625" defaultRowHeight="18.75"/>
  <cols>
    <col min="1" max="1" width="4.7109375" style="263" customWidth="1"/>
    <col min="2" max="2" width="4.85546875" style="9" customWidth="1"/>
    <col min="3" max="3" width="43.85546875" style="9" customWidth="1"/>
    <col min="4" max="4" width="23.42578125" style="9" bestFit="1" customWidth="1"/>
    <col min="5" max="6" width="22.140625" style="9" customWidth="1"/>
    <col min="7" max="9" width="22.140625" style="9" hidden="1" customWidth="1"/>
    <col min="10" max="10" width="22.140625" style="9" customWidth="1"/>
    <col min="11" max="11" width="4.7109375" style="9" customWidth="1"/>
    <col min="12" max="12" width="9.140625" style="9"/>
    <col min="13" max="13" width="13.140625" style="9" bestFit="1" customWidth="1"/>
    <col min="14" max="16384" width="9.140625" style="9"/>
  </cols>
  <sheetData>
    <row r="3" spans="2:13" ht="31.5" hidden="1" customHeight="1">
      <c r="B3" s="966" t="s">
        <v>809</v>
      </c>
      <c r="C3" s="969" t="s">
        <v>810</v>
      </c>
      <c r="D3" s="970"/>
      <c r="E3" s="970"/>
      <c r="F3" s="970"/>
      <c r="G3" s="970"/>
      <c r="H3" s="970"/>
      <c r="I3" s="970"/>
      <c r="J3" s="970"/>
      <c r="K3" s="264"/>
    </row>
    <row r="4" spans="2:13" ht="32.25" hidden="1" customHeight="1">
      <c r="B4" s="967"/>
      <c r="C4" s="971" t="s">
        <v>811</v>
      </c>
      <c r="D4" s="972"/>
      <c r="E4" s="972"/>
      <c r="F4" s="972"/>
      <c r="G4" s="972"/>
      <c r="H4" s="972"/>
      <c r="I4" s="972"/>
      <c r="J4" s="972"/>
      <c r="K4" s="264"/>
    </row>
    <row r="5" spans="2:13" ht="25.5" hidden="1" customHeight="1">
      <c r="B5" s="968"/>
      <c r="C5" s="969" t="s">
        <v>812</v>
      </c>
      <c r="D5" s="970"/>
      <c r="E5" s="970"/>
      <c r="F5" s="970"/>
      <c r="G5" s="970"/>
      <c r="H5" s="970"/>
      <c r="I5" s="970"/>
      <c r="J5" s="970"/>
      <c r="K5" s="265"/>
    </row>
    <row r="6" spans="2:13" hidden="1">
      <c r="B6" s="266"/>
      <c r="C6" s="253"/>
      <c r="D6" s="253"/>
      <c r="E6" s="253"/>
      <c r="F6" s="253"/>
      <c r="G6" s="253"/>
      <c r="H6" s="253"/>
      <c r="I6" s="253"/>
      <c r="J6" s="253"/>
      <c r="K6" s="265"/>
    </row>
    <row r="7" spans="2:13" s="267" customFormat="1" ht="24">
      <c r="B7" s="94" t="s">
        <v>1122</v>
      </c>
      <c r="D7" s="268"/>
      <c r="K7" s="265"/>
      <c r="M7" s="53" t="s">
        <v>945</v>
      </c>
    </row>
    <row r="8" spans="2:13" s="267" customFormat="1">
      <c r="B8" s="262" t="s">
        <v>750</v>
      </c>
      <c r="K8" s="265"/>
    </row>
    <row r="9" spans="2:13" s="269" customFormat="1" ht="20.100000000000001" customHeight="1">
      <c r="B9" s="973"/>
      <c r="C9" s="973"/>
      <c r="D9" s="235" t="s">
        <v>4</v>
      </c>
      <c r="E9" s="235" t="s">
        <v>5</v>
      </c>
      <c r="F9" s="235" t="s">
        <v>6</v>
      </c>
      <c r="G9" s="235" t="s">
        <v>463</v>
      </c>
      <c r="H9" s="73" t="s">
        <v>465</v>
      </c>
      <c r="I9" s="235"/>
      <c r="J9" s="235" t="s">
        <v>41</v>
      </c>
      <c r="K9" s="235"/>
    </row>
    <row r="10" spans="2:13" s="269" customFormat="1" ht="27.95" customHeight="1" thickBot="1">
      <c r="B10" s="876" t="s">
        <v>813</v>
      </c>
      <c r="C10" s="876"/>
      <c r="D10" s="965" t="s">
        <v>820</v>
      </c>
      <c r="E10" s="965"/>
      <c r="F10" s="965" t="s">
        <v>821</v>
      </c>
      <c r="G10" s="965"/>
      <c r="H10" s="965"/>
      <c r="I10" s="965"/>
      <c r="J10" s="965"/>
      <c r="K10" s="235"/>
    </row>
    <row r="11" spans="2:13" s="520" customFormat="1" ht="20.100000000000001" customHeight="1">
      <c r="B11" s="876"/>
      <c r="C11" s="876"/>
      <c r="D11" s="988" t="s">
        <v>1129</v>
      </c>
      <c r="E11" s="988" t="s">
        <v>1130</v>
      </c>
      <c r="F11" s="988" t="s">
        <v>1129</v>
      </c>
      <c r="G11" s="989">
        <v>44896</v>
      </c>
      <c r="H11" s="470"/>
      <c r="I11" s="270"/>
      <c r="J11" s="988" t="s">
        <v>1130</v>
      </c>
      <c r="K11" s="270"/>
    </row>
    <row r="12" spans="2:13" s="130" customFormat="1" ht="20.100000000000001" customHeight="1">
      <c r="B12" s="990">
        <v>1</v>
      </c>
      <c r="C12" s="991" t="s">
        <v>814</v>
      </c>
      <c r="D12" s="852">
        <v>-252990</v>
      </c>
      <c r="E12" s="852">
        <v>-402540</v>
      </c>
      <c r="F12" s="852">
        <v>6250</v>
      </c>
      <c r="G12" s="852">
        <v>0</v>
      </c>
      <c r="H12" s="852">
        <v>0</v>
      </c>
      <c r="I12" s="852">
        <v>0</v>
      </c>
      <c r="J12" s="852">
        <v>63100</v>
      </c>
      <c r="K12" s="272"/>
    </row>
    <row r="13" spans="2:13" s="130" customFormat="1" ht="20.100000000000001" customHeight="1">
      <c r="B13" s="990">
        <v>2</v>
      </c>
      <c r="C13" s="991" t="s">
        <v>815</v>
      </c>
      <c r="D13" s="852">
        <v>110550</v>
      </c>
      <c r="E13" s="852">
        <v>220960</v>
      </c>
      <c r="F13" s="852">
        <v>-19820</v>
      </c>
      <c r="G13" s="852">
        <v>0</v>
      </c>
      <c r="H13" s="852">
        <v>0</v>
      </c>
      <c r="I13" s="852">
        <v>0</v>
      </c>
      <c r="J13" s="852">
        <v>-63020</v>
      </c>
      <c r="K13" s="272"/>
    </row>
    <row r="14" spans="2:13" s="130" customFormat="1" ht="20.100000000000001" customHeight="1">
      <c r="B14" s="990">
        <v>3</v>
      </c>
      <c r="C14" s="991" t="s">
        <v>816</v>
      </c>
      <c r="D14" s="852">
        <v>28900</v>
      </c>
      <c r="E14" s="852">
        <v>-102230</v>
      </c>
      <c r="F14" s="853"/>
      <c r="G14" s="854"/>
      <c r="H14" s="854"/>
      <c r="I14" s="854"/>
      <c r="J14" s="853"/>
      <c r="K14" s="272"/>
    </row>
    <row r="15" spans="2:13" s="130" customFormat="1" ht="20.100000000000001" customHeight="1">
      <c r="B15" s="990">
        <v>4</v>
      </c>
      <c r="C15" s="991" t="s">
        <v>817</v>
      </c>
      <c r="D15" s="852">
        <v>-85460</v>
      </c>
      <c r="E15" s="852">
        <v>25320</v>
      </c>
      <c r="F15" s="855"/>
      <c r="G15" s="856"/>
      <c r="H15" s="856"/>
      <c r="I15" s="856"/>
      <c r="J15" s="855"/>
    </row>
    <row r="16" spans="2:13" s="130" customFormat="1" ht="20.100000000000001" customHeight="1">
      <c r="B16" s="990">
        <v>5</v>
      </c>
      <c r="C16" s="991" t="s">
        <v>818</v>
      </c>
      <c r="D16" s="852">
        <v>-156810</v>
      </c>
      <c r="E16" s="852">
        <v>-81830</v>
      </c>
      <c r="F16" s="855"/>
      <c r="G16" s="856"/>
      <c r="H16" s="856"/>
      <c r="I16" s="856"/>
      <c r="J16" s="855"/>
    </row>
    <row r="17" spans="2:10" s="130" customFormat="1" ht="20.100000000000001" customHeight="1" thickBot="1">
      <c r="B17" s="992">
        <v>6</v>
      </c>
      <c r="C17" s="993" t="s">
        <v>819</v>
      </c>
      <c r="D17" s="857">
        <v>74640</v>
      </c>
      <c r="E17" s="857">
        <v>37330</v>
      </c>
      <c r="F17" s="858"/>
      <c r="G17" s="859"/>
      <c r="H17" s="859"/>
      <c r="I17" s="859"/>
      <c r="J17" s="858"/>
    </row>
  </sheetData>
  <mergeCells count="8">
    <mergeCell ref="D10:E10"/>
    <mergeCell ref="F10:J10"/>
    <mergeCell ref="B10:C11"/>
    <mergeCell ref="B3:B5"/>
    <mergeCell ref="C3:J3"/>
    <mergeCell ref="C4:J4"/>
    <mergeCell ref="C5:J5"/>
    <mergeCell ref="B9:C9"/>
  </mergeCells>
  <hyperlinks>
    <hyperlink ref="M7" location="Índice!A1" display="Voltar ao Índice" xr:uid="{00000000-0004-0000-2A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0000"/>
  </sheetPr>
  <dimension ref="B1:J50"/>
  <sheetViews>
    <sheetView showGridLines="0" zoomScaleNormal="100" zoomScalePageLayoutView="70" workbookViewId="0"/>
  </sheetViews>
  <sheetFormatPr defaultColWidth="8.7109375" defaultRowHeight="18.75"/>
  <cols>
    <col min="1" max="1" width="4.7109375" style="9" customWidth="1"/>
    <col min="2" max="2" width="8.42578125" style="9" customWidth="1"/>
    <col min="3" max="3" width="71" style="9" customWidth="1"/>
    <col min="4" max="8" width="18.85546875" style="106" customWidth="1"/>
    <col min="9" max="9" width="4.5703125" style="9" customWidth="1"/>
    <col min="10" max="10" width="14.28515625" style="9" bestFit="1" customWidth="1"/>
    <col min="11" max="16384" width="8.7109375" style="9"/>
  </cols>
  <sheetData>
    <row r="1" spans="2:10" ht="25.5" customHeight="1">
      <c r="B1" s="8" t="s">
        <v>1</v>
      </c>
      <c r="J1" s="53" t="s">
        <v>945</v>
      </c>
    </row>
    <row r="2" spans="2:10" ht="22.5" customHeight="1">
      <c r="B2" s="130" t="s">
        <v>750</v>
      </c>
    </row>
    <row r="4" spans="2:10">
      <c r="B4" s="129"/>
      <c r="C4" s="128"/>
      <c r="D4" s="127" t="s">
        <v>4</v>
      </c>
      <c r="E4" s="127" t="s">
        <v>5</v>
      </c>
      <c r="F4" s="127" t="s">
        <v>6</v>
      </c>
      <c r="G4" s="127" t="s">
        <v>41</v>
      </c>
      <c r="H4" s="127" t="s">
        <v>42</v>
      </c>
    </row>
    <row r="5" spans="2:10" s="238" customFormat="1" ht="20.100000000000001" customHeight="1" thickBot="1">
      <c r="B5" s="126"/>
      <c r="C5" s="126"/>
      <c r="D5" s="125">
        <v>45809</v>
      </c>
      <c r="E5" s="125">
        <v>45717</v>
      </c>
      <c r="F5" s="125">
        <v>45627</v>
      </c>
      <c r="G5" s="125">
        <v>45536</v>
      </c>
      <c r="H5" s="125">
        <v>45444</v>
      </c>
    </row>
    <row r="6" spans="2:10" s="49" customFormat="1" ht="20.100000000000001" customHeight="1">
      <c r="B6" s="117"/>
      <c r="C6" s="868" t="s">
        <v>43</v>
      </c>
      <c r="D6" s="868"/>
      <c r="E6" s="868"/>
      <c r="F6" s="868"/>
      <c r="G6" s="868"/>
      <c r="H6" s="868"/>
    </row>
    <row r="7" spans="2:10" s="107" customFormat="1" ht="20.100000000000001" customHeight="1">
      <c r="B7" s="113">
        <v>1</v>
      </c>
      <c r="C7" s="124" t="s">
        <v>44</v>
      </c>
      <c r="D7" s="111">
        <v>2237172.61919</v>
      </c>
      <c r="E7" s="111">
        <v>2227191.5590409497</v>
      </c>
      <c r="F7" s="111">
        <v>2586066.5893800003</v>
      </c>
      <c r="G7" s="111">
        <v>2656540.3213200001</v>
      </c>
      <c r="H7" s="111">
        <v>3031674.8102399996</v>
      </c>
    </row>
    <row r="8" spans="2:10" s="107" customFormat="1" ht="20.100000000000001" customHeight="1">
      <c r="B8" s="113">
        <v>2</v>
      </c>
      <c r="C8" s="122" t="s">
        <v>45</v>
      </c>
      <c r="D8" s="111">
        <v>2937172.61919</v>
      </c>
      <c r="E8" s="111">
        <v>2927191.5590409497</v>
      </c>
      <c r="F8" s="111">
        <v>3286066.5893800003</v>
      </c>
      <c r="G8" s="111">
        <v>3352183.0088200001</v>
      </c>
      <c r="H8" s="111">
        <v>3731674.8102399996</v>
      </c>
    </row>
    <row r="9" spans="2:10" s="107" customFormat="1" ht="20.100000000000001" customHeight="1" thickBot="1">
      <c r="B9" s="113">
        <v>3</v>
      </c>
      <c r="C9" s="122" t="s">
        <v>46</v>
      </c>
      <c r="D9" s="111">
        <v>3198235.8492199997</v>
      </c>
      <c r="E9" s="111">
        <v>3192594.96148095</v>
      </c>
      <c r="F9" s="111">
        <v>3557043.9945900002</v>
      </c>
      <c r="G9" s="111">
        <v>3618244.1431900002</v>
      </c>
      <c r="H9" s="111">
        <v>3999896.4034699998</v>
      </c>
    </row>
    <row r="10" spans="2:10" s="49" customFormat="1" ht="20.100000000000001" customHeight="1">
      <c r="B10" s="117"/>
      <c r="C10" s="868" t="s">
        <v>47</v>
      </c>
      <c r="D10" s="868"/>
      <c r="E10" s="868"/>
      <c r="F10" s="868"/>
      <c r="G10" s="868"/>
      <c r="H10" s="868"/>
    </row>
    <row r="11" spans="2:10" s="107" customFormat="1" ht="20.100000000000001" customHeight="1" thickBot="1">
      <c r="B11" s="113">
        <v>4</v>
      </c>
      <c r="C11" s="122" t="s">
        <v>48</v>
      </c>
      <c r="D11" s="111">
        <v>15724637.478027599</v>
      </c>
      <c r="E11" s="111">
        <v>15321501.201694401</v>
      </c>
      <c r="F11" s="111">
        <v>16064500.8236781</v>
      </c>
      <c r="G11" s="111">
        <v>15857189.285202999</v>
      </c>
      <c r="H11" s="111">
        <v>15716108.0749771</v>
      </c>
    </row>
    <row r="12" spans="2:10" s="49" customFormat="1" ht="20.100000000000001" customHeight="1">
      <c r="B12" s="117"/>
      <c r="C12" s="868" t="s">
        <v>718</v>
      </c>
      <c r="D12" s="868"/>
      <c r="E12" s="868"/>
      <c r="F12" s="868"/>
      <c r="G12" s="868"/>
      <c r="H12" s="868"/>
    </row>
    <row r="13" spans="2:10" s="107" customFormat="1" ht="20.100000000000001" customHeight="1">
      <c r="B13" s="113">
        <v>5</v>
      </c>
      <c r="C13" s="122" t="s">
        <v>797</v>
      </c>
      <c r="D13" s="123">
        <v>0.14227180895687122</v>
      </c>
      <c r="E13" s="123">
        <v>0.14536379495206678</v>
      </c>
      <c r="F13" s="123">
        <v>0.1609802021092554</v>
      </c>
      <c r="G13" s="123">
        <v>0.16752907930530464</v>
      </c>
      <c r="H13" s="123">
        <v>0.19290239006863136</v>
      </c>
    </row>
    <row r="14" spans="2:10" s="107" customFormat="1" ht="20.100000000000001" customHeight="1">
      <c r="B14" s="113">
        <v>6</v>
      </c>
      <c r="C14" s="122" t="s">
        <v>49</v>
      </c>
      <c r="D14" s="123">
        <v>0.18678793856419135</v>
      </c>
      <c r="E14" s="123">
        <v>0.19105122406133626</v>
      </c>
      <c r="F14" s="123">
        <v>0.20455454081315352</v>
      </c>
      <c r="G14" s="123">
        <v>0.21139830953194594</v>
      </c>
      <c r="H14" s="123">
        <v>0.23744267934766267</v>
      </c>
    </row>
    <row r="15" spans="2:10" s="107" customFormat="1" ht="20.100000000000001" customHeight="1" thickBot="1">
      <c r="B15" s="113">
        <v>7</v>
      </c>
      <c r="C15" s="122" t="s">
        <v>50</v>
      </c>
      <c r="D15" s="123">
        <v>0.20339011654093578</v>
      </c>
      <c r="E15" s="123">
        <v>0.20837350853895972</v>
      </c>
      <c r="F15" s="123">
        <v>0.22142262829275922</v>
      </c>
      <c r="G15" s="123">
        <v>0.22817689050141654</v>
      </c>
      <c r="H15" s="123">
        <v>0.25450934699530109</v>
      </c>
    </row>
    <row r="16" spans="2:10" s="49" customFormat="1" ht="20.100000000000001" customHeight="1">
      <c r="B16" s="117"/>
      <c r="C16" s="868" t="s">
        <v>51</v>
      </c>
      <c r="D16" s="868"/>
      <c r="E16" s="868"/>
      <c r="F16" s="868"/>
      <c r="G16" s="868"/>
      <c r="H16" s="868"/>
    </row>
    <row r="17" spans="2:8" s="107" customFormat="1" ht="20.100000000000001" customHeight="1">
      <c r="B17" s="113" t="s">
        <v>52</v>
      </c>
      <c r="C17" s="122" t="s">
        <v>798</v>
      </c>
      <c r="D17" s="121">
        <v>1.8000000000000002E-2</v>
      </c>
      <c r="E17" s="121">
        <v>1.8000000000000002E-2</v>
      </c>
      <c r="F17" s="121">
        <v>1.8000000000000002E-2</v>
      </c>
      <c r="G17" s="121">
        <v>1.6500000000000001E-2</v>
      </c>
      <c r="H17" s="121">
        <v>1.6500000000000001E-2</v>
      </c>
    </row>
    <row r="18" spans="2:8" s="107" customFormat="1" ht="20.100000000000001" customHeight="1">
      <c r="B18" s="113" t="s">
        <v>53</v>
      </c>
      <c r="C18" s="122" t="s">
        <v>54</v>
      </c>
      <c r="D18" s="121">
        <v>9.2800000000000035E-3</v>
      </c>
      <c r="E18" s="121">
        <v>9.2800000000000035E-3</v>
      </c>
      <c r="F18" s="121">
        <v>9.2800000000000035E-3</v>
      </c>
      <c r="G18" s="121">
        <v>9.2800000000000035E-3</v>
      </c>
      <c r="H18" s="121">
        <v>8.4375000000000006E-3</v>
      </c>
    </row>
    <row r="19" spans="2:8" s="107" customFormat="1" ht="20.100000000000001" customHeight="1">
      <c r="B19" s="113" t="s">
        <v>55</v>
      </c>
      <c r="C19" s="122" t="s">
        <v>56</v>
      </c>
      <c r="D19" s="121">
        <v>1.2380000000000002E-2</v>
      </c>
      <c r="E19" s="121">
        <v>1.2380000000000002E-2</v>
      </c>
      <c r="F19" s="121">
        <v>1.2380000000000002E-2</v>
      </c>
      <c r="G19" s="121">
        <v>1.2380000000000002E-2</v>
      </c>
      <c r="H19" s="121">
        <v>1.1249999999999996E-2</v>
      </c>
    </row>
    <row r="20" spans="2:8" s="107" customFormat="1" ht="20.100000000000001" customHeight="1" thickBot="1">
      <c r="B20" s="113" t="s">
        <v>57</v>
      </c>
      <c r="C20" s="122" t="s">
        <v>58</v>
      </c>
      <c r="D20" s="121">
        <v>9.6500000000000002E-2</v>
      </c>
      <c r="E20" s="121">
        <v>9.6500000000000002E-2</v>
      </c>
      <c r="F20" s="121">
        <v>9.6500000000000002E-2</v>
      </c>
      <c r="G20" s="121">
        <v>9.6500000000000002E-2</v>
      </c>
      <c r="H20" s="121">
        <v>9.5000000000000001E-2</v>
      </c>
    </row>
    <row r="21" spans="2:8" s="49" customFormat="1" ht="20.100000000000001" customHeight="1">
      <c r="B21" s="117"/>
      <c r="C21" s="868" t="s">
        <v>59</v>
      </c>
      <c r="D21" s="868"/>
      <c r="E21" s="868"/>
      <c r="F21" s="868"/>
      <c r="G21" s="868"/>
      <c r="H21" s="868"/>
    </row>
    <row r="22" spans="2:8" s="107" customFormat="1" ht="20.100000000000001" customHeight="1">
      <c r="B22" s="113">
        <v>8</v>
      </c>
      <c r="C22" s="122" t="s">
        <v>60</v>
      </c>
      <c r="D22" s="123">
        <v>2.4999999999999998E-2</v>
      </c>
      <c r="E22" s="123">
        <v>2.4999999999999998E-2</v>
      </c>
      <c r="F22" s="123">
        <v>2.4999999999878397E-2</v>
      </c>
      <c r="G22" s="123">
        <v>2.5000000000000001E-2</v>
      </c>
      <c r="H22" s="123">
        <v>2.5000000000000029E-2</v>
      </c>
    </row>
    <row r="23" spans="2:8" s="107" customFormat="1" ht="20.100000000000001" customHeight="1">
      <c r="B23" s="113" t="s">
        <v>16</v>
      </c>
      <c r="C23" s="122" t="s">
        <v>61</v>
      </c>
      <c r="D23" s="123">
        <v>0</v>
      </c>
      <c r="E23" s="123">
        <v>0</v>
      </c>
      <c r="F23" s="123">
        <v>0</v>
      </c>
      <c r="G23" s="123">
        <v>0</v>
      </c>
      <c r="H23" s="123">
        <v>0</v>
      </c>
    </row>
    <row r="24" spans="2:8" s="107" customFormat="1" ht="20.100000000000001" customHeight="1">
      <c r="B24" s="113">
        <v>9</v>
      </c>
      <c r="C24" s="122" t="s">
        <v>62</v>
      </c>
      <c r="D24" s="123">
        <v>4.2200000000000023E-4</v>
      </c>
      <c r="E24" s="123">
        <v>4.5499999999999984E-4</v>
      </c>
      <c r="F24" s="123">
        <v>5.3000000021479637E-4</v>
      </c>
      <c r="G24" s="123">
        <v>4.8900000000000029E-4</v>
      </c>
      <c r="H24" s="123">
        <v>5.31E-4</v>
      </c>
    </row>
    <row r="25" spans="2:8" s="107" customFormat="1" ht="20.100000000000001" customHeight="1">
      <c r="B25" s="113" t="s">
        <v>63</v>
      </c>
      <c r="C25" s="122" t="s">
        <v>64</v>
      </c>
      <c r="D25" s="123">
        <v>7.8599999562917154E-3</v>
      </c>
      <c r="E25" s="123">
        <v>7.86197390283647E-3</v>
      </c>
      <c r="F25" s="123">
        <v>7.7567626026906851E-3</v>
      </c>
      <c r="G25" s="123">
        <v>0</v>
      </c>
      <c r="H25" s="123">
        <v>0</v>
      </c>
    </row>
    <row r="26" spans="2:8" s="107" customFormat="1" ht="20.100000000000001" customHeight="1">
      <c r="B26" s="113">
        <v>10</v>
      </c>
      <c r="C26" s="122" t="s">
        <v>65</v>
      </c>
      <c r="D26" s="123">
        <v>0</v>
      </c>
      <c r="E26" s="123">
        <v>0</v>
      </c>
      <c r="F26" s="123">
        <v>0</v>
      </c>
      <c r="G26" s="123">
        <v>0</v>
      </c>
      <c r="H26" s="123">
        <v>0</v>
      </c>
    </row>
    <row r="27" spans="2:8" s="107" customFormat="1" ht="20.100000000000001" customHeight="1">
      <c r="B27" s="113" t="s">
        <v>66</v>
      </c>
      <c r="C27" s="122" t="s">
        <v>67</v>
      </c>
      <c r="D27" s="123">
        <v>7.5000000000000006E-3</v>
      </c>
      <c r="E27" s="123">
        <v>7.4999999999999989E-3</v>
      </c>
      <c r="F27" s="123">
        <v>5.0000000001001899E-3</v>
      </c>
      <c r="G27" s="123">
        <v>5.000000000000001E-3</v>
      </c>
      <c r="H27" s="123">
        <v>5.0000000000000001E-3</v>
      </c>
    </row>
    <row r="28" spans="2:8" s="107" customFormat="1" ht="20.100000000000001" customHeight="1">
      <c r="B28" s="113">
        <v>11</v>
      </c>
      <c r="C28" s="122" t="s">
        <v>68</v>
      </c>
      <c r="D28" s="123">
        <v>4.0781999956291712E-2</v>
      </c>
      <c r="E28" s="123">
        <v>4.0816973902836472E-2</v>
      </c>
      <c r="F28" s="123">
        <v>3.8286762602884064E-2</v>
      </c>
      <c r="G28" s="123">
        <v>3.0489000000000002E-2</v>
      </c>
      <c r="H28" s="123">
        <v>3.053100000000003E-2</v>
      </c>
    </row>
    <row r="29" spans="2:8" s="107" customFormat="1" ht="20.100000000000001" customHeight="1">
      <c r="B29" s="113" t="s">
        <v>69</v>
      </c>
      <c r="C29" s="122" t="s">
        <v>70</v>
      </c>
      <c r="D29" s="123">
        <v>0.1372819999562917</v>
      </c>
      <c r="E29" s="123">
        <v>0.13731697390283648</v>
      </c>
      <c r="F29" s="123">
        <v>0.13478676260288408</v>
      </c>
      <c r="G29" s="123">
        <v>0.12698900000000002</v>
      </c>
      <c r="H29" s="123">
        <v>0.12553100000000003</v>
      </c>
    </row>
    <row r="30" spans="2:8" s="107" customFormat="1" ht="20.100000000000001" customHeight="1" thickBot="1">
      <c r="B30" s="113">
        <v>12</v>
      </c>
      <c r="C30" s="122" t="s">
        <v>71</v>
      </c>
      <c r="D30" s="123">
        <v>8.7991809999999768E-2</v>
      </c>
      <c r="E30" s="123">
        <v>9.108378999999997E-2</v>
      </c>
      <c r="F30" s="123">
        <v>0.10670020200027268</v>
      </c>
      <c r="G30" s="123">
        <v>0.13167689050141654</v>
      </c>
      <c r="H30" s="123">
        <v>0.13946488999999981</v>
      </c>
    </row>
    <row r="31" spans="2:8" s="49" customFormat="1" ht="20.100000000000001" customHeight="1">
      <c r="B31" s="117"/>
      <c r="C31" s="868" t="s">
        <v>72</v>
      </c>
      <c r="D31" s="868"/>
      <c r="E31" s="868"/>
      <c r="F31" s="868"/>
      <c r="G31" s="868"/>
      <c r="H31" s="868"/>
    </row>
    <row r="32" spans="2:8" s="107" customFormat="1" ht="20.100000000000001" customHeight="1">
      <c r="B32" s="113">
        <v>13</v>
      </c>
      <c r="C32" s="119" t="s">
        <v>73</v>
      </c>
      <c r="D32" s="111">
        <v>59051011.884236299</v>
      </c>
      <c r="E32" s="111">
        <v>58076080.0187473</v>
      </c>
      <c r="F32" s="111">
        <v>57422805.973891698</v>
      </c>
      <c r="G32" s="111">
        <v>57347570.084608398</v>
      </c>
      <c r="H32" s="111">
        <v>57135536.946222804</v>
      </c>
    </row>
    <row r="33" spans="2:8" s="107" customFormat="1" ht="20.100000000000001" customHeight="1" thickBot="1">
      <c r="B33" s="113">
        <v>14</v>
      </c>
      <c r="C33" s="119" t="s">
        <v>74</v>
      </c>
      <c r="D33" s="121">
        <v>4.9739581515521498E-2</v>
      </c>
      <c r="E33" s="121">
        <v>5.0402705521723143E-2</v>
      </c>
      <c r="F33" s="121">
        <v>5.7225810087965207E-2</v>
      </c>
      <c r="G33" s="121">
        <v>5.845379331459586E-2</v>
      </c>
      <c r="H33" s="121">
        <v>6.5312675957737681E-2</v>
      </c>
    </row>
    <row r="34" spans="2:8" s="49" customFormat="1" ht="20.100000000000001" customHeight="1">
      <c r="B34" s="117"/>
      <c r="C34" s="868" t="s">
        <v>799</v>
      </c>
      <c r="D34" s="868"/>
      <c r="E34" s="868"/>
      <c r="F34" s="868"/>
      <c r="G34" s="868"/>
      <c r="H34" s="868"/>
    </row>
    <row r="35" spans="2:8" s="120" customFormat="1" ht="20.100000000000001" customHeight="1">
      <c r="B35" s="113" t="s">
        <v>75</v>
      </c>
      <c r="C35" s="122" t="s">
        <v>789</v>
      </c>
      <c r="D35" s="121">
        <v>0</v>
      </c>
      <c r="E35" s="121">
        <v>0</v>
      </c>
      <c r="F35" s="121">
        <v>0</v>
      </c>
      <c r="G35" s="121">
        <v>0</v>
      </c>
      <c r="H35" s="121">
        <v>0</v>
      </c>
    </row>
    <row r="36" spans="2:8" s="120" customFormat="1" ht="20.100000000000001" customHeight="1">
      <c r="B36" s="113" t="s">
        <v>77</v>
      </c>
      <c r="C36" s="122" t="s">
        <v>788</v>
      </c>
      <c r="D36" s="121">
        <v>0</v>
      </c>
      <c r="E36" s="121">
        <v>0</v>
      </c>
      <c r="F36" s="121">
        <v>0</v>
      </c>
      <c r="G36" s="121">
        <v>0</v>
      </c>
      <c r="H36" s="121">
        <v>0</v>
      </c>
    </row>
    <row r="37" spans="2:8" s="120" customFormat="1" ht="20.100000000000001" customHeight="1">
      <c r="B37" s="113" t="s">
        <v>78</v>
      </c>
      <c r="C37" s="122" t="s">
        <v>790</v>
      </c>
      <c r="D37" s="121">
        <v>0</v>
      </c>
      <c r="E37" s="121">
        <v>0</v>
      </c>
      <c r="F37" s="121">
        <v>0</v>
      </c>
      <c r="G37" s="121">
        <v>0</v>
      </c>
      <c r="H37" s="121">
        <v>0</v>
      </c>
    </row>
    <row r="38" spans="2:8" s="120" customFormat="1" ht="20.100000000000001" customHeight="1">
      <c r="B38" s="113" t="s">
        <v>79</v>
      </c>
      <c r="C38" s="122" t="s">
        <v>785</v>
      </c>
      <c r="D38" s="121">
        <v>0.03</v>
      </c>
      <c r="E38" s="121">
        <v>0.03</v>
      </c>
      <c r="F38" s="121">
        <v>0.03</v>
      </c>
      <c r="G38" s="121">
        <v>0.03</v>
      </c>
      <c r="H38" s="121">
        <v>0.03</v>
      </c>
    </row>
    <row r="39" spans="2:8" s="120" customFormat="1" ht="20.100000000000001" customHeight="1">
      <c r="B39" s="113" t="s">
        <v>81</v>
      </c>
      <c r="C39" s="122" t="s">
        <v>787</v>
      </c>
      <c r="D39" s="121">
        <v>0</v>
      </c>
      <c r="E39" s="121">
        <v>0</v>
      </c>
      <c r="F39" s="121">
        <v>0</v>
      </c>
      <c r="G39" s="121">
        <v>0</v>
      </c>
      <c r="H39" s="121">
        <v>0</v>
      </c>
    </row>
    <row r="40" spans="2:8" s="120" customFormat="1" ht="20.100000000000001" customHeight="1" thickBot="1">
      <c r="B40" s="113" t="s">
        <v>784</v>
      </c>
      <c r="C40" s="122" t="s">
        <v>786</v>
      </c>
      <c r="D40" s="121">
        <v>0.03</v>
      </c>
      <c r="E40" s="121">
        <v>0.03</v>
      </c>
      <c r="F40" s="121">
        <v>0.03</v>
      </c>
      <c r="G40" s="121">
        <v>0.03</v>
      </c>
      <c r="H40" s="121">
        <v>0.03</v>
      </c>
    </row>
    <row r="41" spans="2:8" s="49" customFormat="1" ht="20.100000000000001" customHeight="1">
      <c r="B41" s="117"/>
      <c r="C41" s="868" t="s">
        <v>1001</v>
      </c>
      <c r="D41" s="868"/>
      <c r="E41" s="868"/>
      <c r="F41" s="868"/>
      <c r="G41" s="868"/>
      <c r="H41" s="868"/>
    </row>
    <row r="42" spans="2:8" s="107" customFormat="1" ht="20.100000000000001" customHeight="1">
      <c r="B42" s="113">
        <v>15</v>
      </c>
      <c r="C42" s="119" t="s">
        <v>83</v>
      </c>
      <c r="D42" s="111">
        <v>10922729.735786708</v>
      </c>
      <c r="E42" s="111">
        <v>10642018.711030997</v>
      </c>
      <c r="F42" s="111">
        <v>10897843.823023509</v>
      </c>
      <c r="G42" s="111">
        <v>11437597.963218136</v>
      </c>
      <c r="H42" s="111">
        <v>11436326.575053517</v>
      </c>
    </row>
    <row r="43" spans="2:8" s="107" customFormat="1" ht="20.100000000000001" customHeight="1">
      <c r="B43" s="113" t="s">
        <v>84</v>
      </c>
      <c r="C43" s="119" t="s">
        <v>85</v>
      </c>
      <c r="D43" s="111">
        <v>8914769.18886468</v>
      </c>
      <c r="E43" s="111">
        <v>9467874.5250656735</v>
      </c>
      <c r="F43" s="111">
        <v>8472547.1291172784</v>
      </c>
      <c r="G43" s="111">
        <v>9012901.8514409196</v>
      </c>
      <c r="H43" s="111">
        <v>8844683.2905810475</v>
      </c>
    </row>
    <row r="44" spans="2:8" s="107" customFormat="1" ht="20.100000000000001" customHeight="1">
      <c r="B44" s="113" t="s">
        <v>86</v>
      </c>
      <c r="C44" s="119" t="s">
        <v>87</v>
      </c>
      <c r="D44" s="111">
        <v>995474.41211541509</v>
      </c>
      <c r="E44" s="111">
        <v>1249684.5257570234</v>
      </c>
      <c r="F44" s="111">
        <v>822111.49109766248</v>
      </c>
      <c r="G44" s="111">
        <v>1188870.2508402842</v>
      </c>
      <c r="H44" s="111">
        <v>948035.21446354396</v>
      </c>
    </row>
    <row r="45" spans="2:8" s="107" customFormat="1" ht="20.100000000000001" customHeight="1">
      <c r="B45" s="113">
        <v>16</v>
      </c>
      <c r="C45" s="119" t="s">
        <v>88</v>
      </c>
      <c r="D45" s="111">
        <v>7919294.7767492644</v>
      </c>
      <c r="E45" s="111">
        <v>8218189.9993086504</v>
      </c>
      <c r="F45" s="111">
        <v>7650435.6380196158</v>
      </c>
      <c r="G45" s="111">
        <v>7824031.6006006356</v>
      </c>
      <c r="H45" s="111">
        <v>7896648.0761175035</v>
      </c>
    </row>
    <row r="46" spans="2:8" s="107" customFormat="1" ht="20.100000000000001" customHeight="1" thickBot="1">
      <c r="B46" s="113">
        <v>17</v>
      </c>
      <c r="C46" s="119" t="s">
        <v>89</v>
      </c>
      <c r="D46" s="118">
        <v>1.3792553559005545</v>
      </c>
      <c r="E46" s="118">
        <v>1.2949346160074482</v>
      </c>
      <c r="F46" s="118">
        <v>1.4244736298238454</v>
      </c>
      <c r="G46" s="118">
        <v>1.4618547760390044</v>
      </c>
      <c r="H46" s="118">
        <v>1.4482507596661627</v>
      </c>
    </row>
    <row r="47" spans="2:8" s="49" customFormat="1" ht="20.100000000000001" customHeight="1">
      <c r="B47" s="117"/>
      <c r="C47" s="868" t="s">
        <v>1000</v>
      </c>
      <c r="D47" s="868"/>
      <c r="E47" s="868"/>
      <c r="F47" s="868"/>
      <c r="G47" s="868"/>
      <c r="H47" s="868"/>
    </row>
    <row r="48" spans="2:8" s="107" customFormat="1" ht="20.100000000000001" customHeight="1">
      <c r="B48" s="116">
        <v>18</v>
      </c>
      <c r="C48" s="115" t="s">
        <v>90</v>
      </c>
      <c r="D48" s="114">
        <v>43057731.101963289</v>
      </c>
      <c r="E48" s="114">
        <v>41936645.401218176</v>
      </c>
      <c r="F48" s="114">
        <v>41108983.542714037</v>
      </c>
      <c r="G48" s="114">
        <v>39841151.083737597</v>
      </c>
      <c r="H48" s="114">
        <v>39995350.382736176</v>
      </c>
    </row>
    <row r="49" spans="2:8" s="107" customFormat="1" ht="20.100000000000001" customHeight="1">
      <c r="B49" s="113">
        <v>19</v>
      </c>
      <c r="C49" s="112" t="s">
        <v>91</v>
      </c>
      <c r="D49" s="111">
        <v>35142924.936209619</v>
      </c>
      <c r="E49" s="111">
        <v>34782863.430806302</v>
      </c>
      <c r="F49" s="111">
        <v>33908675.173810415</v>
      </c>
      <c r="G49" s="111">
        <v>33327711.6131717</v>
      </c>
      <c r="H49" s="111">
        <v>33408405.362014897</v>
      </c>
    </row>
    <row r="50" spans="2:8" s="107" customFormat="1" ht="20.100000000000001" customHeight="1">
      <c r="B50" s="110">
        <v>20</v>
      </c>
      <c r="C50" s="109" t="s">
        <v>92</v>
      </c>
      <c r="D50" s="108">
        <v>1.2252176271645114</v>
      </c>
      <c r="E50" s="108">
        <v>1.2056697253992019</v>
      </c>
      <c r="F50" s="108">
        <v>1.2123441370680512</v>
      </c>
      <c r="G50" s="108">
        <v>1.1954361447364321</v>
      </c>
      <c r="H50" s="108">
        <v>1.1971643048910854</v>
      </c>
    </row>
  </sheetData>
  <mergeCells count="9">
    <mergeCell ref="C34:H34"/>
    <mergeCell ref="C41:H41"/>
    <mergeCell ref="C47:H47"/>
    <mergeCell ref="C6:H6"/>
    <mergeCell ref="C10:H10"/>
    <mergeCell ref="C12:H12"/>
    <mergeCell ref="C16:H16"/>
    <mergeCell ref="C21:H21"/>
    <mergeCell ref="C31:H31"/>
  </mergeCells>
  <hyperlinks>
    <hyperlink ref="J1" location="Índice!A1" display="Voltar ao Índice" xr:uid="{00000000-0004-0000-0500-000000000000}"/>
  </hyperlinks>
  <pageMargins left="0.70866141732283472" right="0.70866141732283472" top="0.74803149606299213" bottom="0.74803149606299213" header="0.31496062992125984" footer="0.31496062992125984"/>
  <pageSetup paperSize="9" scale="49" orientation="landscape" r:id="rId1"/>
  <headerFooter>
    <oddFooter>&amp;C1</oddFooter>
  </headerFooter>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0E5144-6306-40BC-96C1-2FD88DB5981A}">
  <sheetPr>
    <tabColor rgb="FFFF0000"/>
  </sheetPr>
  <dimension ref="A1:M15"/>
  <sheetViews>
    <sheetView showGridLines="0" zoomScaleNormal="100" zoomScalePageLayoutView="70" workbookViewId="0"/>
  </sheetViews>
  <sheetFormatPr defaultColWidth="8.7109375" defaultRowHeight="18.75"/>
  <cols>
    <col min="1" max="1" width="4.7109375" style="186" customWidth="1"/>
    <col min="2" max="2" width="5.7109375" style="9" customWidth="1"/>
    <col min="3" max="3" width="48.85546875" style="9" customWidth="1"/>
    <col min="4" max="11" width="21" style="9" customWidth="1"/>
    <col min="12" max="12" width="4.7109375" style="186" customWidth="1"/>
    <col min="13" max="13" width="14.28515625" style="9" bestFit="1" customWidth="1"/>
    <col min="14" max="16384" width="8.7109375" style="9"/>
  </cols>
  <sheetData>
    <row r="1" spans="1:13" ht="25.5" customHeight="1">
      <c r="B1" s="212" t="s">
        <v>1118</v>
      </c>
      <c r="D1" s="211"/>
      <c r="E1" s="210"/>
      <c r="F1" s="210"/>
      <c r="G1" s="210"/>
      <c r="H1" s="210"/>
      <c r="I1" s="210"/>
      <c r="J1" s="210"/>
      <c r="K1" s="210"/>
      <c r="M1" s="53" t="s">
        <v>945</v>
      </c>
    </row>
    <row r="2" spans="1:13" ht="22.5" customHeight="1">
      <c r="B2" s="187" t="s">
        <v>750</v>
      </c>
      <c r="D2" s="209"/>
      <c r="E2" s="209"/>
      <c r="F2" s="209"/>
      <c r="G2" s="209"/>
      <c r="H2" s="209"/>
      <c r="I2" s="209"/>
      <c r="J2" s="209"/>
      <c r="K2" s="185"/>
      <c r="L2" s="188"/>
      <c r="M2" s="187"/>
    </row>
    <row r="3" spans="1:13" ht="20.25" thickBot="1">
      <c r="A3" s="9"/>
      <c r="B3" s="201"/>
      <c r="C3" s="208"/>
      <c r="D3" s="207"/>
      <c r="E3" s="207"/>
      <c r="F3" s="207"/>
      <c r="G3" s="207"/>
      <c r="H3" s="207"/>
      <c r="I3" s="207"/>
      <c r="J3" s="207"/>
      <c r="K3" s="201"/>
      <c r="L3" s="188"/>
      <c r="M3" s="187"/>
    </row>
    <row r="4" spans="1:13">
      <c r="A4" s="9"/>
      <c r="B4" s="201"/>
      <c r="C4" s="206"/>
      <c r="D4" s="974" t="s">
        <v>1102</v>
      </c>
      <c r="E4" s="974"/>
      <c r="F4" s="974" t="s">
        <v>1101</v>
      </c>
      <c r="G4" s="974"/>
      <c r="H4" s="974" t="s">
        <v>1100</v>
      </c>
      <c r="I4" s="974"/>
      <c r="J4" s="974" t="s">
        <v>1099</v>
      </c>
      <c r="K4" s="974"/>
      <c r="L4" s="205"/>
      <c r="M4" s="187"/>
    </row>
    <row r="5" spans="1:13" ht="56.25">
      <c r="A5" s="9"/>
      <c r="B5" s="201"/>
      <c r="C5" s="204"/>
      <c r="D5" s="203"/>
      <c r="E5" s="202" t="s">
        <v>1098</v>
      </c>
      <c r="F5" s="203"/>
      <c r="G5" s="202" t="s">
        <v>1098</v>
      </c>
      <c r="H5" s="203"/>
      <c r="I5" s="202" t="s">
        <v>1097</v>
      </c>
      <c r="J5" s="203"/>
      <c r="K5" s="202" t="s">
        <v>1097</v>
      </c>
      <c r="L5" s="188"/>
      <c r="M5" s="187"/>
    </row>
    <row r="6" spans="1:13" ht="20.100000000000001" customHeight="1">
      <c r="A6" s="9"/>
      <c r="B6" s="201"/>
      <c r="C6" s="200"/>
      <c r="D6" s="199" t="s">
        <v>238</v>
      </c>
      <c r="E6" s="199" t="s">
        <v>461</v>
      </c>
      <c r="F6" s="199" t="s">
        <v>463</v>
      </c>
      <c r="G6" s="199" t="s">
        <v>465</v>
      </c>
      <c r="H6" s="199" t="s">
        <v>467</v>
      </c>
      <c r="I6" s="199" t="s">
        <v>471</v>
      </c>
      <c r="J6" s="199" t="s">
        <v>473</v>
      </c>
      <c r="K6" s="199" t="s">
        <v>475</v>
      </c>
      <c r="L6" s="188"/>
      <c r="M6" s="187"/>
    </row>
    <row r="7" spans="1:13" ht="20.100000000000001" customHeight="1">
      <c r="A7" s="9"/>
      <c r="B7" s="994" t="s">
        <v>238</v>
      </c>
      <c r="C7" s="995" t="s">
        <v>1096</v>
      </c>
      <c r="D7" s="996">
        <v>12613461.51058</v>
      </c>
      <c r="E7" s="996">
        <v>234619.89928000001</v>
      </c>
      <c r="F7" s="198"/>
      <c r="G7" s="198"/>
      <c r="H7" s="197">
        <v>44913657.022419997</v>
      </c>
      <c r="I7" s="197">
        <v>10498080.282869998</v>
      </c>
      <c r="J7" s="196"/>
      <c r="K7" s="196"/>
      <c r="L7" s="188"/>
      <c r="M7" s="187"/>
    </row>
    <row r="8" spans="1:13" ht="20.100000000000001" customHeight="1">
      <c r="A8" s="9"/>
      <c r="B8" s="997" t="s">
        <v>461</v>
      </c>
      <c r="C8" s="998" t="s">
        <v>1037</v>
      </c>
      <c r="D8" s="216">
        <v>0</v>
      </c>
      <c r="E8" s="216">
        <v>0</v>
      </c>
      <c r="F8" s="192">
        <v>0</v>
      </c>
      <c r="G8" s="192">
        <v>0</v>
      </c>
      <c r="H8" s="192">
        <v>184880.70699999999</v>
      </c>
      <c r="I8" s="192">
        <v>0</v>
      </c>
      <c r="J8" s="192">
        <v>189601.12055000002</v>
      </c>
      <c r="K8" s="192">
        <v>0</v>
      </c>
      <c r="L8" s="188"/>
      <c r="M8" s="187"/>
    </row>
    <row r="9" spans="1:13" ht="20.100000000000001" customHeight="1">
      <c r="A9" s="9"/>
      <c r="B9" s="997" t="s">
        <v>463</v>
      </c>
      <c r="C9" s="998" t="s">
        <v>474</v>
      </c>
      <c r="D9" s="216">
        <v>244271.74862</v>
      </c>
      <c r="E9" s="216">
        <v>234619.89928000001</v>
      </c>
      <c r="F9" s="192">
        <v>244615.52807</v>
      </c>
      <c r="G9" s="192">
        <v>234742.50182</v>
      </c>
      <c r="H9" s="192">
        <v>12638023.353379998</v>
      </c>
      <c r="I9" s="192">
        <v>8374720.8768699998</v>
      </c>
      <c r="J9" s="192">
        <v>12670055.82801</v>
      </c>
      <c r="K9" s="192">
        <v>8868024.4625300001</v>
      </c>
      <c r="L9" s="188"/>
      <c r="M9" s="187"/>
    </row>
    <row r="10" spans="1:13" ht="20.100000000000001" customHeight="1">
      <c r="A10" s="9"/>
      <c r="B10" s="997" t="s">
        <v>465</v>
      </c>
      <c r="C10" s="999" t="s">
        <v>1095</v>
      </c>
      <c r="D10" s="216">
        <v>0</v>
      </c>
      <c r="E10" s="216">
        <v>0</v>
      </c>
      <c r="F10" s="192">
        <v>0</v>
      </c>
      <c r="G10" s="192">
        <v>0</v>
      </c>
      <c r="H10" s="192">
        <v>0</v>
      </c>
      <c r="I10" s="192">
        <v>0</v>
      </c>
      <c r="J10" s="192">
        <v>0</v>
      </c>
      <c r="K10" s="192">
        <v>0</v>
      </c>
      <c r="L10" s="188"/>
      <c r="M10" s="187"/>
    </row>
    <row r="11" spans="1:13" ht="20.100000000000001" customHeight="1">
      <c r="A11" s="9"/>
      <c r="B11" s="997" t="s">
        <v>467</v>
      </c>
      <c r="C11" s="999" t="s">
        <v>1094</v>
      </c>
      <c r="D11" s="216">
        <v>0</v>
      </c>
      <c r="E11" s="216">
        <v>0</v>
      </c>
      <c r="F11" s="192">
        <v>0</v>
      </c>
      <c r="G11" s="192">
        <v>0</v>
      </c>
      <c r="H11" s="192">
        <v>0</v>
      </c>
      <c r="I11" s="192">
        <v>0</v>
      </c>
      <c r="J11" s="192">
        <v>0</v>
      </c>
      <c r="K11" s="192">
        <v>0</v>
      </c>
      <c r="L11" s="188"/>
      <c r="M11" s="187"/>
    </row>
    <row r="12" spans="1:13" ht="20.100000000000001" customHeight="1">
      <c r="A12" s="9"/>
      <c r="B12" s="997" t="s">
        <v>469</v>
      </c>
      <c r="C12" s="999" t="s">
        <v>1093</v>
      </c>
      <c r="D12" s="216">
        <v>244271.74862</v>
      </c>
      <c r="E12" s="216">
        <v>234619.89928000001</v>
      </c>
      <c r="F12" s="192">
        <v>244615.52807</v>
      </c>
      <c r="G12" s="192">
        <v>234742.50182</v>
      </c>
      <c r="H12" s="192">
        <v>8931875.4853799995</v>
      </c>
      <c r="I12" s="192">
        <v>8374720.8768699998</v>
      </c>
      <c r="J12" s="192">
        <v>8963907.1538600009</v>
      </c>
      <c r="K12" s="192">
        <v>8868024.4625300001</v>
      </c>
      <c r="L12" s="188"/>
      <c r="M12" s="187"/>
    </row>
    <row r="13" spans="1:13" ht="20.100000000000001" customHeight="1">
      <c r="A13" s="9"/>
      <c r="B13" s="997" t="s">
        <v>471</v>
      </c>
      <c r="C13" s="999" t="s">
        <v>1092</v>
      </c>
      <c r="D13" s="216">
        <v>0</v>
      </c>
      <c r="E13" s="216">
        <v>0</v>
      </c>
      <c r="F13" s="192">
        <v>0</v>
      </c>
      <c r="G13" s="192">
        <v>0</v>
      </c>
      <c r="H13" s="192">
        <v>686136.58799999999</v>
      </c>
      <c r="I13" s="192">
        <v>0</v>
      </c>
      <c r="J13" s="192">
        <v>686136.59289999993</v>
      </c>
      <c r="K13" s="192">
        <v>0</v>
      </c>
      <c r="L13" s="188"/>
      <c r="M13" s="187"/>
    </row>
    <row r="14" spans="1:13" ht="20.100000000000001" customHeight="1">
      <c r="A14" s="9"/>
      <c r="B14" s="997" t="s">
        <v>473</v>
      </c>
      <c r="C14" s="999" t="s">
        <v>1091</v>
      </c>
      <c r="D14" s="216">
        <v>0</v>
      </c>
      <c r="E14" s="216">
        <v>0</v>
      </c>
      <c r="F14" s="192">
        <v>0</v>
      </c>
      <c r="G14" s="192">
        <v>0</v>
      </c>
      <c r="H14" s="192">
        <v>3020011.28</v>
      </c>
      <c r="I14" s="192">
        <v>0</v>
      </c>
      <c r="J14" s="192">
        <v>3020012.0812499998</v>
      </c>
      <c r="K14" s="192">
        <v>0</v>
      </c>
      <c r="L14" s="188"/>
      <c r="M14" s="187"/>
    </row>
    <row r="15" spans="1:13" ht="20.100000000000001" customHeight="1" thickBot="1">
      <c r="A15" s="9"/>
      <c r="B15" s="1000" t="s">
        <v>477</v>
      </c>
      <c r="C15" s="1001" t="s">
        <v>1090</v>
      </c>
      <c r="D15" s="214">
        <v>12369189.76196</v>
      </c>
      <c r="E15" s="214">
        <v>0</v>
      </c>
      <c r="F15" s="189"/>
      <c r="G15" s="189"/>
      <c r="H15" s="190">
        <v>32090752.96204</v>
      </c>
      <c r="I15" s="190">
        <v>2123359.406</v>
      </c>
      <c r="J15" s="189"/>
      <c r="K15" s="189"/>
      <c r="L15" s="188"/>
      <c r="M15" s="187"/>
    </row>
  </sheetData>
  <mergeCells count="4">
    <mergeCell ref="D4:E4"/>
    <mergeCell ref="F4:G4"/>
    <mergeCell ref="H4:I4"/>
    <mergeCell ref="J4:K4"/>
  </mergeCells>
  <conditionalFormatting sqref="D7:K15">
    <cfRule type="cellIs" dxfId="5" priority="1" stopIfTrue="1" operator="lessThan">
      <formula>0</formula>
    </cfRule>
  </conditionalFormatting>
  <hyperlinks>
    <hyperlink ref="M1" location="Índice!A1" display="Voltar ao Índice" xr:uid="{2E2D77AF-B16A-49C4-BE87-1D6E202AC961}"/>
  </hyperlinks>
  <pageMargins left="0.70866141732283472" right="0.70866141732283472" top="0.74803149606299213" bottom="0.74803149606299213" header="0.31496062992125984" footer="0.31496062992125984"/>
  <pageSetup paperSize="9" scale="53" orientation="landscape" r:id="rId1"/>
  <headerFooter>
    <oddFooter>&amp;C&amp;P</oddFooter>
  </headerFooter>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7A0602-F65C-4505-BD46-C2DE0FB78F01}">
  <sheetPr>
    <tabColor rgb="FFFF0000"/>
  </sheetPr>
  <dimension ref="A1:I21"/>
  <sheetViews>
    <sheetView showGridLines="0" zoomScaleNormal="100" zoomScalePageLayoutView="60" workbookViewId="0"/>
  </sheetViews>
  <sheetFormatPr defaultColWidth="8.85546875" defaultRowHeight="16.5"/>
  <cols>
    <col min="1" max="1" width="4.7109375" style="186" customWidth="1"/>
    <col min="2" max="2" width="5.7109375" style="185" customWidth="1"/>
    <col min="3" max="3" width="72.85546875" style="185" customWidth="1"/>
    <col min="4" max="7" width="25.7109375" style="185" customWidth="1"/>
    <col min="8" max="8" width="4.7109375" style="186" customWidth="1"/>
    <col min="9" max="9" width="17.7109375" style="185" customWidth="1"/>
    <col min="10" max="10" width="19.42578125" style="185" customWidth="1"/>
    <col min="11" max="12" width="17.7109375" style="185" customWidth="1"/>
    <col min="13" max="13" width="13.7109375" style="185" customWidth="1"/>
    <col min="14" max="16384" width="8.85546875" style="185"/>
  </cols>
  <sheetData>
    <row r="1" spans="2:9" ht="25.5" customHeight="1">
      <c r="B1" s="212" t="s">
        <v>1119</v>
      </c>
      <c r="D1" s="223"/>
      <c r="E1" s="223"/>
      <c r="F1" s="223"/>
      <c r="G1" s="223"/>
      <c r="I1" s="53" t="s">
        <v>945</v>
      </c>
    </row>
    <row r="2" spans="2:9" ht="22.5" customHeight="1">
      <c r="B2" s="187" t="s">
        <v>750</v>
      </c>
      <c r="D2" s="223"/>
      <c r="E2" s="223"/>
      <c r="F2" s="223"/>
      <c r="G2" s="223"/>
      <c r="H2" s="188"/>
    </row>
    <row r="3" spans="2:9" s="208" customFormat="1" ht="20.25" thickBot="1">
      <c r="D3" s="207"/>
      <c r="E3" s="207"/>
      <c r="F3" s="207"/>
      <c r="G3" s="207"/>
      <c r="H3" s="188"/>
      <c r="I3" s="201"/>
    </row>
    <row r="4" spans="2:9" s="1007" customFormat="1" ht="18.75">
      <c r="B4" s="1002"/>
      <c r="C4" s="1003"/>
      <c r="D4" s="1004" t="s">
        <v>1114</v>
      </c>
      <c r="E4" s="1004"/>
      <c r="F4" s="1004" t="s">
        <v>1113</v>
      </c>
      <c r="G4" s="1005"/>
      <c r="H4" s="1006"/>
    </row>
    <row r="5" spans="2:9" s="1007" customFormat="1" ht="51.75" customHeight="1">
      <c r="B5" s="1002"/>
      <c r="C5" s="1003"/>
      <c r="D5" s="1008"/>
      <c r="E5" s="1008"/>
      <c r="F5" s="1008" t="s">
        <v>1112</v>
      </c>
      <c r="G5" s="1008"/>
      <c r="H5" s="1009"/>
    </row>
    <row r="6" spans="2:9" s="1007" customFormat="1" ht="36" customHeight="1">
      <c r="B6" s="1010"/>
      <c r="C6" s="1011"/>
      <c r="D6" s="1012"/>
      <c r="E6" s="1013" t="s">
        <v>1098</v>
      </c>
      <c r="F6" s="1014"/>
      <c r="G6" s="1013" t="s">
        <v>1097</v>
      </c>
      <c r="H6" s="1009"/>
    </row>
    <row r="7" spans="2:9" s="201" customFormat="1" ht="20.100000000000001" customHeight="1">
      <c r="B7" s="204"/>
      <c r="C7" s="222"/>
      <c r="D7" s="199" t="s">
        <v>238</v>
      </c>
      <c r="E7" s="199" t="s">
        <v>461</v>
      </c>
      <c r="F7" s="199" t="s">
        <v>463</v>
      </c>
      <c r="G7" s="199" t="s">
        <v>467</v>
      </c>
      <c r="H7" s="188"/>
    </row>
    <row r="8" spans="2:9" s="201" customFormat="1" ht="24.95" customHeight="1">
      <c r="B8" s="221" t="s">
        <v>478</v>
      </c>
      <c r="C8" s="220" t="s">
        <v>1111</v>
      </c>
      <c r="D8" s="219">
        <v>0</v>
      </c>
      <c r="E8" s="219">
        <v>0</v>
      </c>
      <c r="F8" s="219">
        <v>1047293.3829830389</v>
      </c>
      <c r="G8" s="219">
        <v>1047293.3829830389</v>
      </c>
      <c r="H8" s="188"/>
    </row>
    <row r="9" spans="2:9" s="201" customFormat="1" ht="24.95" customHeight="1">
      <c r="B9" s="194" t="s">
        <v>479</v>
      </c>
      <c r="C9" s="195" t="s">
        <v>1110</v>
      </c>
      <c r="D9" s="216">
        <v>0</v>
      </c>
      <c r="E9" s="216">
        <v>0</v>
      </c>
      <c r="F9" s="216">
        <v>0</v>
      </c>
      <c r="G9" s="216">
        <v>0</v>
      </c>
      <c r="H9" s="188"/>
    </row>
    <row r="10" spans="2:9" s="201" customFormat="1" ht="24.95" customHeight="1">
      <c r="B10" s="194" t="s">
        <v>480</v>
      </c>
      <c r="C10" s="195" t="s">
        <v>1037</v>
      </c>
      <c r="D10" s="216">
        <v>0</v>
      </c>
      <c r="E10" s="216">
        <v>0</v>
      </c>
      <c r="F10" s="216">
        <v>0</v>
      </c>
      <c r="G10" s="216">
        <v>0</v>
      </c>
      <c r="H10" s="188"/>
    </row>
    <row r="11" spans="2:9" s="201" customFormat="1" ht="24.95" customHeight="1">
      <c r="B11" s="194" t="s">
        <v>481</v>
      </c>
      <c r="C11" s="195" t="s">
        <v>474</v>
      </c>
      <c r="D11" s="216">
        <v>0</v>
      </c>
      <c r="E11" s="216">
        <v>0</v>
      </c>
      <c r="F11" s="216">
        <v>1047293.3829830389</v>
      </c>
      <c r="G11" s="216">
        <v>1047293.3829830389</v>
      </c>
      <c r="H11" s="188"/>
    </row>
    <row r="12" spans="2:9" s="201" customFormat="1" ht="24.95" customHeight="1">
      <c r="B12" s="194" t="s">
        <v>482</v>
      </c>
      <c r="C12" s="193" t="s">
        <v>1095</v>
      </c>
      <c r="D12" s="216">
        <v>0</v>
      </c>
      <c r="E12" s="216">
        <v>0</v>
      </c>
      <c r="F12" s="216">
        <v>0</v>
      </c>
      <c r="G12" s="216">
        <v>0</v>
      </c>
      <c r="H12" s="188"/>
    </row>
    <row r="13" spans="2:9" s="201" customFormat="1" ht="24.95" customHeight="1">
      <c r="B13" s="194" t="s">
        <v>483</v>
      </c>
      <c r="C13" s="193" t="s">
        <v>1094</v>
      </c>
      <c r="D13" s="216">
        <v>0</v>
      </c>
      <c r="E13" s="216">
        <v>0</v>
      </c>
      <c r="F13" s="216">
        <v>0</v>
      </c>
      <c r="G13" s="216">
        <v>0</v>
      </c>
      <c r="H13" s="188"/>
    </row>
    <row r="14" spans="2:9" s="201" customFormat="1" ht="24.95" customHeight="1">
      <c r="B14" s="194" t="s">
        <v>484</v>
      </c>
      <c r="C14" s="193" t="s">
        <v>1093</v>
      </c>
      <c r="D14" s="216">
        <v>0</v>
      </c>
      <c r="E14" s="216">
        <v>0</v>
      </c>
      <c r="F14" s="216">
        <v>1047293.3829830389</v>
      </c>
      <c r="G14" s="216">
        <v>1047293.3829830389</v>
      </c>
      <c r="H14" s="188"/>
    </row>
    <row r="15" spans="2:9" s="201" customFormat="1" ht="24.95" customHeight="1">
      <c r="B15" s="194" t="s">
        <v>485</v>
      </c>
      <c r="C15" s="193" t="s">
        <v>1092</v>
      </c>
      <c r="D15" s="216">
        <v>0</v>
      </c>
      <c r="E15" s="216">
        <v>0</v>
      </c>
      <c r="F15" s="216">
        <v>0</v>
      </c>
      <c r="G15" s="216">
        <v>0</v>
      </c>
      <c r="H15" s="188"/>
    </row>
    <row r="16" spans="2:9" s="201" customFormat="1" ht="24.95" customHeight="1">
      <c r="B16" s="194" t="s">
        <v>486</v>
      </c>
      <c r="C16" s="193" t="s">
        <v>1091</v>
      </c>
      <c r="D16" s="216">
        <v>0</v>
      </c>
      <c r="E16" s="216">
        <v>0</v>
      </c>
      <c r="F16" s="216">
        <v>0</v>
      </c>
      <c r="G16" s="216">
        <v>0</v>
      </c>
      <c r="H16" s="188"/>
    </row>
    <row r="17" spans="2:7" s="201" customFormat="1" ht="24.95" customHeight="1">
      <c r="B17" s="194" t="s">
        <v>487</v>
      </c>
      <c r="C17" s="195" t="s">
        <v>1109</v>
      </c>
      <c r="D17" s="216">
        <v>0</v>
      </c>
      <c r="E17" s="216">
        <v>0</v>
      </c>
      <c r="F17" s="216">
        <v>0</v>
      </c>
      <c r="G17" s="216">
        <v>0</v>
      </c>
    </row>
    <row r="18" spans="2:7" s="201" customFormat="1" ht="24.95" customHeight="1">
      <c r="B18" s="194" t="s">
        <v>1108</v>
      </c>
      <c r="C18" s="195" t="s">
        <v>1107</v>
      </c>
      <c r="D18" s="216">
        <v>0</v>
      </c>
      <c r="E18" s="216">
        <v>0</v>
      </c>
      <c r="F18" s="216">
        <v>0</v>
      </c>
      <c r="G18" s="216">
        <v>0</v>
      </c>
    </row>
    <row r="19" spans="2:7" s="201" customFormat="1" ht="30" customHeight="1">
      <c r="B19" s="194" t="s">
        <v>1106</v>
      </c>
      <c r="C19" s="218" t="s">
        <v>1105</v>
      </c>
      <c r="D19" s="216">
        <v>0</v>
      </c>
      <c r="E19" s="216">
        <v>0</v>
      </c>
      <c r="F19" s="216">
        <v>0</v>
      </c>
      <c r="G19" s="216">
        <v>0</v>
      </c>
    </row>
    <row r="20" spans="2:7" s="201" customFormat="1" ht="30" customHeight="1">
      <c r="B20" s="194">
        <v>241</v>
      </c>
      <c r="C20" s="218" t="s">
        <v>1104</v>
      </c>
      <c r="D20" s="217"/>
      <c r="E20" s="217"/>
      <c r="F20" s="216">
        <v>786069.13820905134</v>
      </c>
      <c r="G20" s="216">
        <v>0</v>
      </c>
    </row>
    <row r="21" spans="2:7" s="201" customFormat="1" ht="30" customHeight="1" thickBot="1">
      <c r="B21" s="191">
        <v>250</v>
      </c>
      <c r="C21" s="215" t="s">
        <v>1103</v>
      </c>
      <c r="D21" s="214">
        <v>12613461.51058</v>
      </c>
      <c r="E21" s="214">
        <v>234619.89928000001</v>
      </c>
      <c r="F21" s="213"/>
      <c r="G21" s="213"/>
    </row>
  </sheetData>
  <mergeCells count="3">
    <mergeCell ref="D4:E5"/>
    <mergeCell ref="F4:G4"/>
    <mergeCell ref="F5:G5"/>
  </mergeCells>
  <conditionalFormatting sqref="D8:F21">
    <cfRule type="cellIs" dxfId="4" priority="1" stopIfTrue="1" operator="lessThan">
      <formula>0</formula>
    </cfRule>
  </conditionalFormatting>
  <conditionalFormatting sqref="G7:G21">
    <cfRule type="cellIs" dxfId="3" priority="2" stopIfTrue="1" operator="lessThan">
      <formula>0</formula>
    </cfRule>
  </conditionalFormatting>
  <conditionalFormatting sqref="J1:K1 D1:G2 I2:K2 E4:F5 D4:D7 F6:F7 E7 I8:I21">
    <cfRule type="cellIs" dxfId="2" priority="3" stopIfTrue="1" operator="lessThan">
      <formula>0</formula>
    </cfRule>
  </conditionalFormatting>
  <hyperlinks>
    <hyperlink ref="I1" location="Índice!A1" display="Voltar ao Índice" xr:uid="{949FF95C-75A0-475C-B35A-636C16A9742B}"/>
  </hyperlinks>
  <pageMargins left="0.70866141732283472" right="0.70866141732283472" top="0.74803149606299213" bottom="0.74803149606299213" header="0.31496062992125984" footer="0.31496062992125984"/>
  <pageSetup paperSize="9" scale="62" orientation="landscape" r:id="rId1"/>
  <headerFooter>
    <oddFooter>&amp;C&amp;P</oddFooter>
  </headerFooter>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3409E52-8BDD-4E73-9192-A7F324E728AA}">
  <sheetPr>
    <tabColor rgb="FFFF0000"/>
  </sheetPr>
  <dimension ref="A1:G5"/>
  <sheetViews>
    <sheetView showGridLines="0" zoomScaleNormal="100" zoomScalePageLayoutView="70" workbookViewId="0"/>
  </sheetViews>
  <sheetFormatPr defaultColWidth="8.85546875" defaultRowHeight="16.5"/>
  <cols>
    <col min="1" max="1" width="4.7109375" style="186" customWidth="1"/>
    <col min="2" max="2" width="5.7109375" style="185" customWidth="1"/>
    <col min="3" max="3" width="40.140625" style="185" customWidth="1"/>
    <col min="4" max="5" width="39" style="224" customWidth="1"/>
    <col min="6" max="6" width="4.7109375" style="186" customWidth="1"/>
    <col min="7" max="8" width="17.7109375" style="185" customWidth="1"/>
    <col min="9" max="9" width="19.42578125" style="185" customWidth="1"/>
    <col min="10" max="11" width="17.7109375" style="185" customWidth="1"/>
    <col min="12" max="12" width="13.7109375" style="185" customWidth="1"/>
    <col min="13" max="16384" width="8.85546875" style="185"/>
  </cols>
  <sheetData>
    <row r="1" spans="2:7" ht="25.5" customHeight="1">
      <c r="B1" s="212" t="s">
        <v>1120</v>
      </c>
      <c r="D1" s="234"/>
      <c r="E1" s="234"/>
      <c r="G1" s="53" t="s">
        <v>945</v>
      </c>
    </row>
    <row r="2" spans="2:7" ht="22.5" customHeight="1" thickBot="1">
      <c r="B2" s="187" t="s">
        <v>750</v>
      </c>
      <c r="D2" s="233"/>
      <c r="E2" s="233"/>
      <c r="F2" s="188"/>
      <c r="G2" s="231"/>
    </row>
    <row r="3" spans="2:7" ht="89.25" customHeight="1">
      <c r="B3" s="230"/>
      <c r="C3" s="229"/>
      <c r="D3" s="232" t="s">
        <v>1117</v>
      </c>
      <c r="E3" s="232" t="s">
        <v>1116</v>
      </c>
      <c r="F3" s="188"/>
      <c r="G3" s="231"/>
    </row>
    <row r="4" spans="2:7" ht="20.100000000000001" customHeight="1">
      <c r="B4" s="230"/>
      <c r="C4" s="229"/>
      <c r="D4" s="199" t="s">
        <v>238</v>
      </c>
      <c r="E4" s="199" t="s">
        <v>461</v>
      </c>
      <c r="F4" s="205"/>
      <c r="G4" s="228"/>
    </row>
    <row r="5" spans="2:7" ht="33.75" thickBot="1">
      <c r="B5" s="227" t="s">
        <v>238</v>
      </c>
      <c r="C5" s="226" t="s">
        <v>1115</v>
      </c>
      <c r="D5" s="225">
        <v>9324191.0764199998</v>
      </c>
      <c r="E5" s="225">
        <v>12096854.609229999</v>
      </c>
      <c r="F5" s="188"/>
      <c r="G5" s="223"/>
    </row>
  </sheetData>
  <conditionalFormatting sqref="D1:E5">
    <cfRule type="cellIs" dxfId="1" priority="1" stopIfTrue="1" operator="lessThan">
      <formula>0</formula>
    </cfRule>
  </conditionalFormatting>
  <conditionalFormatting sqref="G1:G5">
    <cfRule type="cellIs" dxfId="0" priority="2" stopIfTrue="1" operator="lessThan">
      <formula>0</formula>
    </cfRule>
  </conditionalFormatting>
  <hyperlinks>
    <hyperlink ref="G1" location="Índice!A1" display="Voltar ao Índice" xr:uid="{9E1EAABB-E7CB-4419-8A8D-40018E6BFB8A}"/>
  </hyperlinks>
  <pageMargins left="0.70866141732283472" right="0.70866141732283472" top="0.74803149606299213" bottom="0.74803149606299213" header="0.31496062992125984" footer="0.31496062992125984"/>
  <pageSetup paperSize="9" scale="86" orientation="landscape" r:id="rId1"/>
  <headerFooter>
    <oddFooter>&amp;C&amp;P</oddFooter>
  </headerFooter>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D00-000000000000}">
  <sheetPr>
    <tabColor rgb="FFFF0000"/>
  </sheetPr>
  <dimension ref="A1:U63"/>
  <sheetViews>
    <sheetView showGridLines="0" zoomScaleNormal="100" zoomScaleSheetLayoutView="70" zoomScalePageLayoutView="50" workbookViewId="0"/>
  </sheetViews>
  <sheetFormatPr defaultColWidth="8.85546875" defaultRowHeight="16.5"/>
  <cols>
    <col min="1" max="1" width="4.7109375" style="13" customWidth="1"/>
    <col min="2" max="2" width="3.7109375" style="12" bestFit="1" customWidth="1"/>
    <col min="3" max="3" width="75.5703125" style="11" customWidth="1"/>
    <col min="4" max="4" width="10.7109375" style="11" customWidth="1"/>
    <col min="5" max="5" width="14" style="11" customWidth="1"/>
    <col min="6" max="11" width="10.7109375" style="11" customWidth="1"/>
    <col min="12" max="13" width="12.7109375" style="11" bestFit="1" customWidth="1"/>
    <col min="14" max="19" width="10.7109375" style="11" customWidth="1"/>
    <col min="20" max="20" width="8.85546875" style="11"/>
    <col min="21" max="21" width="15.140625" style="11" bestFit="1" customWidth="1"/>
    <col min="22" max="16384" width="8.85546875" style="11"/>
  </cols>
  <sheetData>
    <row r="1" spans="2:21" ht="19.5">
      <c r="B1" s="10" t="s">
        <v>946</v>
      </c>
      <c r="U1" s="53" t="s">
        <v>945</v>
      </c>
    </row>
    <row r="2" spans="2:21">
      <c r="B2" s="262"/>
    </row>
    <row r="3" spans="2:21">
      <c r="C3" s="49"/>
    </row>
    <row r="4" spans="2:21" ht="15" customHeight="1" thickBot="1">
      <c r="B4" s="48"/>
      <c r="C4" s="47" t="s">
        <v>918</v>
      </c>
      <c r="D4" s="46" t="s">
        <v>4</v>
      </c>
      <c r="E4" s="46" t="s">
        <v>5</v>
      </c>
      <c r="F4" s="46" t="s">
        <v>6</v>
      </c>
      <c r="G4" s="46" t="s">
        <v>41</v>
      </c>
      <c r="H4" s="46" t="s">
        <v>42</v>
      </c>
      <c r="I4" s="46" t="s">
        <v>94</v>
      </c>
      <c r="J4" s="46" t="s">
        <v>95</v>
      </c>
      <c r="K4" s="46" t="s">
        <v>96</v>
      </c>
      <c r="L4" s="46" t="s">
        <v>218</v>
      </c>
      <c r="M4" s="46" t="s">
        <v>219</v>
      </c>
      <c r="N4" s="46" t="s">
        <v>220</v>
      </c>
      <c r="O4" s="46" t="s">
        <v>221</v>
      </c>
      <c r="P4" s="46" t="s">
        <v>222</v>
      </c>
      <c r="Q4" s="46" t="s">
        <v>442</v>
      </c>
      <c r="R4" s="46" t="s">
        <v>443</v>
      </c>
      <c r="S4" s="46" t="s">
        <v>579</v>
      </c>
    </row>
    <row r="5" spans="2:21" ht="90" customHeight="1">
      <c r="B5" s="45"/>
      <c r="C5" s="44"/>
      <c r="D5" s="978" t="s">
        <v>917</v>
      </c>
      <c r="E5" s="978"/>
      <c r="F5" s="978"/>
      <c r="G5" s="978"/>
      <c r="H5" s="979"/>
      <c r="I5" s="980" t="s">
        <v>916</v>
      </c>
      <c r="J5" s="978"/>
      <c r="K5" s="979"/>
      <c r="L5" s="978" t="s">
        <v>915</v>
      </c>
      <c r="M5" s="978"/>
      <c r="N5" s="976" t="s">
        <v>914</v>
      </c>
      <c r="O5" s="976" t="s">
        <v>913</v>
      </c>
      <c r="P5" s="976" t="s">
        <v>912</v>
      </c>
      <c r="Q5" s="976" t="s">
        <v>911</v>
      </c>
      <c r="R5" s="976" t="s">
        <v>910</v>
      </c>
      <c r="S5" s="976" t="s">
        <v>909</v>
      </c>
    </row>
    <row r="6" spans="2:21" ht="297">
      <c r="B6" s="43"/>
      <c r="C6" s="42"/>
      <c r="D6" s="40"/>
      <c r="E6" s="39" t="s">
        <v>908</v>
      </c>
      <c r="F6" s="39" t="s">
        <v>907</v>
      </c>
      <c r="G6" s="39" t="s">
        <v>906</v>
      </c>
      <c r="H6" s="39" t="s">
        <v>905</v>
      </c>
      <c r="I6" s="41"/>
      <c r="J6" s="39" t="s">
        <v>906</v>
      </c>
      <c r="K6" s="39" t="s">
        <v>905</v>
      </c>
      <c r="L6" s="40"/>
      <c r="M6" s="39" t="s">
        <v>904</v>
      </c>
      <c r="N6" s="977"/>
      <c r="O6" s="977"/>
      <c r="P6" s="977"/>
      <c r="Q6" s="977"/>
      <c r="R6" s="977"/>
      <c r="S6" s="977"/>
    </row>
    <row r="7" spans="2:21">
      <c r="B7" s="52">
        <v>1</v>
      </c>
      <c r="C7" s="51" t="s">
        <v>943</v>
      </c>
      <c r="D7" s="50">
        <v>9547.2459899999994</v>
      </c>
      <c r="E7" s="50">
        <v>36.816486999999995</v>
      </c>
      <c r="F7" s="50">
        <v>129.12492100000003</v>
      </c>
      <c r="G7" s="50">
        <v>853.59692699999994</v>
      </c>
      <c r="H7" s="50">
        <v>400.68492599999996</v>
      </c>
      <c r="I7" s="50">
        <v>-321.20209499999999</v>
      </c>
      <c r="J7" s="50">
        <v>-43.288942000000006</v>
      </c>
      <c r="K7" s="50">
        <v>-260.53892400000001</v>
      </c>
      <c r="L7" s="50">
        <v>6701116</v>
      </c>
      <c r="M7" s="50">
        <v>3889502</v>
      </c>
      <c r="N7" s="50">
        <v>7.618158504820649E-2</v>
      </c>
      <c r="O7" s="50">
        <v>7294.8836790000005</v>
      </c>
      <c r="P7" s="50">
        <v>1257.213696</v>
      </c>
      <c r="Q7" s="50">
        <v>931.49854099999993</v>
      </c>
      <c r="R7" s="50">
        <v>63.650073000000006</v>
      </c>
      <c r="S7" s="50">
        <v>4</v>
      </c>
    </row>
    <row r="8" spans="2:21" s="31" customFormat="1" ht="20.100000000000001" customHeight="1">
      <c r="B8" s="33">
        <v>2</v>
      </c>
      <c r="C8" s="32" t="s">
        <v>942</v>
      </c>
      <c r="D8" s="34">
        <v>348.64756</v>
      </c>
      <c r="E8" s="34">
        <v>0</v>
      </c>
      <c r="F8" s="34">
        <v>4.8106000000000003E-2</v>
      </c>
      <c r="G8" s="34">
        <v>45.154885</v>
      </c>
      <c r="H8" s="34">
        <v>25.925782000000002</v>
      </c>
      <c r="I8" s="34">
        <v>-8.085153</v>
      </c>
      <c r="J8" s="34">
        <v>-2.4145840000000001</v>
      </c>
      <c r="K8" s="34">
        <v>-5.0365399999999996</v>
      </c>
      <c r="L8" s="34">
        <v>1136823</v>
      </c>
      <c r="M8" s="34">
        <v>97707</v>
      </c>
      <c r="N8" s="34">
        <v>2.322898077243341E-3</v>
      </c>
      <c r="O8" s="34">
        <v>223.551188</v>
      </c>
      <c r="P8" s="34">
        <v>65.941243999999998</v>
      </c>
      <c r="Q8" s="34">
        <v>59.155127999999998</v>
      </c>
      <c r="R8" s="34">
        <v>0</v>
      </c>
      <c r="S8" s="34">
        <v>5</v>
      </c>
    </row>
    <row r="9" spans="2:21" s="31" customFormat="1" ht="24" customHeight="1">
      <c r="B9" s="33">
        <v>3</v>
      </c>
      <c r="C9" s="32" t="s">
        <v>941</v>
      </c>
      <c r="D9" s="34">
        <v>14.118758</v>
      </c>
      <c r="E9" s="34">
        <v>0</v>
      </c>
      <c r="F9" s="34">
        <v>9.2E-5</v>
      </c>
      <c r="G9" s="34">
        <v>2.0182220000000002</v>
      </c>
      <c r="H9" s="34">
        <v>1.8096859999999999</v>
      </c>
      <c r="I9" s="34">
        <v>-1.2030460000000001</v>
      </c>
      <c r="J9" s="34">
        <v>-0.116567</v>
      </c>
      <c r="K9" s="34">
        <v>-1.057855</v>
      </c>
      <c r="L9" s="34">
        <v>37741</v>
      </c>
      <c r="M9" s="34">
        <v>6072</v>
      </c>
      <c r="N9" s="34">
        <v>4.8631755937140801E-5</v>
      </c>
      <c r="O9" s="34">
        <v>13.19721</v>
      </c>
      <c r="P9" s="34">
        <v>0.92154800000000003</v>
      </c>
      <c r="Q9" s="34">
        <v>0</v>
      </c>
      <c r="R9" s="34">
        <v>0</v>
      </c>
      <c r="S9" s="34">
        <v>2</v>
      </c>
    </row>
    <row r="10" spans="2:21" ht="20.100000000000001" customHeight="1">
      <c r="B10" s="36">
        <v>4</v>
      </c>
      <c r="C10" s="38" t="s">
        <v>940</v>
      </c>
      <c r="D10" s="34">
        <v>0</v>
      </c>
      <c r="E10" s="34">
        <v>0</v>
      </c>
      <c r="F10" s="34">
        <v>0</v>
      </c>
      <c r="G10" s="34">
        <v>0</v>
      </c>
      <c r="H10" s="34">
        <v>0</v>
      </c>
      <c r="I10" s="34">
        <v>0</v>
      </c>
      <c r="J10" s="34">
        <v>0</v>
      </c>
      <c r="K10" s="34">
        <v>0</v>
      </c>
      <c r="L10" s="34">
        <v>0</v>
      </c>
      <c r="M10" s="34">
        <v>0</v>
      </c>
      <c r="N10" s="34">
        <v>0</v>
      </c>
      <c r="O10" s="34">
        <v>0</v>
      </c>
      <c r="P10" s="34">
        <v>0</v>
      </c>
      <c r="Q10" s="34">
        <v>0</v>
      </c>
      <c r="R10" s="34">
        <v>0</v>
      </c>
      <c r="S10" s="34">
        <v>0</v>
      </c>
    </row>
    <row r="11" spans="2:21" ht="20.100000000000001" customHeight="1">
      <c r="B11" s="36">
        <v>5</v>
      </c>
      <c r="C11" s="38" t="s">
        <v>939</v>
      </c>
      <c r="D11" s="34">
        <v>0</v>
      </c>
      <c r="E11" s="34">
        <v>0</v>
      </c>
      <c r="F11" s="34">
        <v>0</v>
      </c>
      <c r="G11" s="34">
        <v>0</v>
      </c>
      <c r="H11" s="34">
        <v>0</v>
      </c>
      <c r="I11" s="34">
        <v>0</v>
      </c>
      <c r="J11" s="34">
        <v>0</v>
      </c>
      <c r="K11" s="34">
        <v>0</v>
      </c>
      <c r="L11" s="34">
        <v>0</v>
      </c>
      <c r="M11" s="34">
        <v>0</v>
      </c>
      <c r="N11" s="34">
        <v>0</v>
      </c>
      <c r="O11" s="34">
        <v>0</v>
      </c>
      <c r="P11" s="34">
        <v>0</v>
      </c>
      <c r="Q11" s="34">
        <v>0</v>
      </c>
      <c r="R11" s="34">
        <v>0</v>
      </c>
      <c r="S11" s="34">
        <v>0</v>
      </c>
    </row>
    <row r="12" spans="2:21" ht="20.100000000000001" customHeight="1">
      <c r="B12" s="36">
        <v>6</v>
      </c>
      <c r="C12" s="38" t="s">
        <v>938</v>
      </c>
      <c r="D12" s="34">
        <v>0.10184600000000001</v>
      </c>
      <c r="E12" s="34">
        <v>0</v>
      </c>
      <c r="F12" s="34">
        <v>0</v>
      </c>
      <c r="G12" s="34">
        <v>0</v>
      </c>
      <c r="H12" s="34">
        <v>0</v>
      </c>
      <c r="I12" s="34">
        <v>-3.8999999999999999E-5</v>
      </c>
      <c r="J12" s="34">
        <v>0</v>
      </c>
      <c r="K12" s="34">
        <v>0</v>
      </c>
      <c r="L12" s="34">
        <v>65</v>
      </c>
      <c r="M12" s="34">
        <v>24</v>
      </c>
      <c r="N12" s="34">
        <v>0</v>
      </c>
      <c r="O12" s="34">
        <v>0.10184600000000001</v>
      </c>
      <c r="P12" s="34">
        <v>0</v>
      </c>
      <c r="Q12" s="34">
        <v>0</v>
      </c>
      <c r="R12" s="34">
        <v>0</v>
      </c>
      <c r="S12" s="34">
        <v>0</v>
      </c>
    </row>
    <row r="13" spans="2:21" ht="20.100000000000001" customHeight="1">
      <c r="B13" s="36">
        <v>7</v>
      </c>
      <c r="C13" s="38" t="s">
        <v>937</v>
      </c>
      <c r="D13" s="34">
        <v>13.962026</v>
      </c>
      <c r="E13" s="34">
        <v>0</v>
      </c>
      <c r="F13" s="34">
        <v>9.2E-5</v>
      </c>
      <c r="G13" s="34">
        <v>1.963875</v>
      </c>
      <c r="H13" s="34">
        <v>1.809156</v>
      </c>
      <c r="I13" s="34">
        <v>-1.201902</v>
      </c>
      <c r="J13" s="34">
        <v>-0.115934</v>
      </c>
      <c r="K13" s="34">
        <v>-1.0573840000000001</v>
      </c>
      <c r="L13" s="34">
        <v>37641</v>
      </c>
      <c r="M13" s="34">
        <v>6035</v>
      </c>
      <c r="N13" s="34">
        <v>4.9177677283510417E-5</v>
      </c>
      <c r="O13" s="34">
        <v>13.040478</v>
      </c>
      <c r="P13" s="34">
        <v>0.92154800000000003</v>
      </c>
      <c r="Q13" s="34">
        <v>0</v>
      </c>
      <c r="R13" s="34">
        <v>0</v>
      </c>
      <c r="S13" s="34">
        <v>2</v>
      </c>
    </row>
    <row r="14" spans="2:21" ht="20.100000000000001" customHeight="1">
      <c r="B14" s="36">
        <v>8</v>
      </c>
      <c r="C14" s="38" t="s">
        <v>936</v>
      </c>
      <c r="D14" s="34">
        <v>5.4886999999999998E-2</v>
      </c>
      <c r="E14" s="34">
        <v>0</v>
      </c>
      <c r="F14" s="34">
        <v>0</v>
      </c>
      <c r="G14" s="34">
        <v>5.4348E-2</v>
      </c>
      <c r="H14" s="34">
        <v>5.2999999999999998E-4</v>
      </c>
      <c r="I14" s="34">
        <v>-1.1050000000000001E-3</v>
      </c>
      <c r="J14" s="34">
        <v>-6.3299999999999999E-4</v>
      </c>
      <c r="K14" s="34">
        <v>-4.7100000000000001E-4</v>
      </c>
      <c r="L14" s="34">
        <v>36</v>
      </c>
      <c r="M14" s="34">
        <v>13</v>
      </c>
      <c r="N14" s="34">
        <v>0</v>
      </c>
      <c r="O14" s="34">
        <v>5.4886999999999998E-2</v>
      </c>
      <c r="P14" s="34">
        <v>0</v>
      </c>
      <c r="Q14" s="34">
        <v>0</v>
      </c>
      <c r="R14" s="34">
        <v>0</v>
      </c>
      <c r="S14" s="34">
        <v>2</v>
      </c>
    </row>
    <row r="15" spans="2:21" s="31" customFormat="1" ht="24" customHeight="1">
      <c r="B15" s="33">
        <v>9</v>
      </c>
      <c r="C15" s="32" t="s">
        <v>935</v>
      </c>
      <c r="D15" s="34">
        <v>2311.6609600000002</v>
      </c>
      <c r="E15" s="34">
        <v>0.20968300000000001</v>
      </c>
      <c r="F15" s="34">
        <v>10.032239000000001</v>
      </c>
      <c r="G15" s="34">
        <v>237.216475</v>
      </c>
      <c r="H15" s="34">
        <v>84.608832000000007</v>
      </c>
      <c r="I15" s="34">
        <v>-74.901349999999994</v>
      </c>
      <c r="J15" s="34">
        <v>-10.927852</v>
      </c>
      <c r="K15" s="34">
        <v>-59.252307999999999</v>
      </c>
      <c r="L15" s="34">
        <v>2075162</v>
      </c>
      <c r="M15" s="34">
        <v>1574170</v>
      </c>
      <c r="N15" s="34">
        <v>5.2647942150593909E-2</v>
      </c>
      <c r="O15" s="34">
        <v>2089.3961239999999</v>
      </c>
      <c r="P15" s="34">
        <v>174.11267000000001</v>
      </c>
      <c r="Q15" s="34">
        <v>48.116587000000003</v>
      </c>
      <c r="R15" s="34">
        <v>3.5577999999999999E-2</v>
      </c>
      <c r="S15" s="34">
        <v>2</v>
      </c>
    </row>
    <row r="16" spans="2:21" ht="20.100000000000001" customHeight="1">
      <c r="B16" s="36">
        <v>10</v>
      </c>
      <c r="C16" s="38" t="s">
        <v>934</v>
      </c>
      <c r="D16" s="34">
        <v>314.64138100000002</v>
      </c>
      <c r="E16" s="34">
        <v>0</v>
      </c>
      <c r="F16" s="34">
        <v>0</v>
      </c>
      <c r="G16" s="34">
        <v>31.937245000000001</v>
      </c>
      <c r="H16" s="34">
        <v>10.73584</v>
      </c>
      <c r="I16" s="34">
        <v>-8.7563490000000002</v>
      </c>
      <c r="J16" s="34">
        <v>-1.6800930000000001</v>
      </c>
      <c r="K16" s="34">
        <v>-6.2359239999999998</v>
      </c>
      <c r="L16" s="34">
        <v>391597</v>
      </c>
      <c r="M16" s="34">
        <v>341601</v>
      </c>
      <c r="N16" s="34">
        <v>4.7957339801246286E-2</v>
      </c>
      <c r="O16" s="34">
        <v>272.61080399999997</v>
      </c>
      <c r="P16" s="34">
        <v>25.146231</v>
      </c>
      <c r="Q16" s="34">
        <v>16.884346000000001</v>
      </c>
      <c r="R16" s="34">
        <v>0</v>
      </c>
      <c r="S16" s="34">
        <v>2</v>
      </c>
    </row>
    <row r="17" spans="2:19" ht="20.100000000000001" customHeight="1">
      <c r="B17" s="36">
        <v>11</v>
      </c>
      <c r="C17" s="38" t="s">
        <v>933</v>
      </c>
      <c r="D17" s="34">
        <v>235.604253</v>
      </c>
      <c r="E17" s="34">
        <v>0</v>
      </c>
      <c r="F17" s="34">
        <v>0</v>
      </c>
      <c r="G17" s="34">
        <v>7.2782499999999999</v>
      </c>
      <c r="H17" s="34">
        <v>0.35555599999999998</v>
      </c>
      <c r="I17" s="34">
        <v>-0.96314100000000002</v>
      </c>
      <c r="J17" s="34">
        <v>-0.41774299999999998</v>
      </c>
      <c r="K17" s="34">
        <v>-0.27662399999999998</v>
      </c>
      <c r="L17" s="34">
        <v>137620</v>
      </c>
      <c r="M17" s="34">
        <v>104248</v>
      </c>
      <c r="N17" s="34">
        <v>1.1620140280325555E-3</v>
      </c>
      <c r="O17" s="34">
        <v>173.30136100000001</v>
      </c>
      <c r="P17" s="34">
        <v>61.492992999999998</v>
      </c>
      <c r="Q17" s="34">
        <v>0.80989900000000004</v>
      </c>
      <c r="R17" s="34">
        <v>0</v>
      </c>
      <c r="S17" s="34">
        <v>2</v>
      </c>
    </row>
    <row r="18" spans="2:19" ht="20.100000000000001" customHeight="1">
      <c r="B18" s="36">
        <v>12</v>
      </c>
      <c r="C18" s="38" t="s">
        <v>932</v>
      </c>
      <c r="D18" s="34">
        <v>3.372252</v>
      </c>
      <c r="E18" s="34">
        <v>0</v>
      </c>
      <c r="F18" s="34">
        <v>0</v>
      </c>
      <c r="G18" s="34">
        <v>0</v>
      </c>
      <c r="H18" s="34">
        <v>0</v>
      </c>
      <c r="I18" s="34">
        <v>-5.1609999999999998E-3</v>
      </c>
      <c r="J18" s="34">
        <v>0</v>
      </c>
      <c r="K18" s="34">
        <v>0</v>
      </c>
      <c r="L18" s="34">
        <v>8560</v>
      </c>
      <c r="M18" s="34">
        <v>7523</v>
      </c>
      <c r="N18" s="34">
        <v>0.18258829274708313</v>
      </c>
      <c r="O18" s="34">
        <v>3.372252</v>
      </c>
      <c r="P18" s="34">
        <v>0</v>
      </c>
      <c r="Q18" s="34">
        <v>0</v>
      </c>
      <c r="R18" s="34">
        <v>0</v>
      </c>
      <c r="S18" s="34">
        <v>0</v>
      </c>
    </row>
    <row r="19" spans="2:19" ht="20.100000000000001" customHeight="1">
      <c r="B19" s="36">
        <v>13</v>
      </c>
      <c r="C19" s="38" t="s">
        <v>931</v>
      </c>
      <c r="D19" s="34">
        <v>101.489519</v>
      </c>
      <c r="E19" s="34">
        <v>0</v>
      </c>
      <c r="F19" s="34">
        <v>0</v>
      </c>
      <c r="G19" s="34">
        <v>15.990182000000001</v>
      </c>
      <c r="H19" s="34">
        <v>4.6158049999999999</v>
      </c>
      <c r="I19" s="34">
        <v>-4.8957160000000002</v>
      </c>
      <c r="J19" s="34">
        <v>-0.96970000000000001</v>
      </c>
      <c r="K19" s="34">
        <v>-3.5419399999999999</v>
      </c>
      <c r="L19" s="34">
        <v>36307</v>
      </c>
      <c r="M19" s="34">
        <v>29046</v>
      </c>
      <c r="N19" s="34">
        <v>0</v>
      </c>
      <c r="O19" s="34">
        <v>97.686887999999996</v>
      </c>
      <c r="P19" s="34">
        <v>3.3691960000000001</v>
      </c>
      <c r="Q19" s="34">
        <v>0.43343500000000001</v>
      </c>
      <c r="R19" s="34">
        <v>0</v>
      </c>
      <c r="S19" s="34">
        <v>2</v>
      </c>
    </row>
    <row r="20" spans="2:19" ht="20.100000000000001" customHeight="1">
      <c r="B20" s="36">
        <v>14</v>
      </c>
      <c r="C20" s="38" t="s">
        <v>930</v>
      </c>
      <c r="D20" s="34">
        <v>88.722936000000004</v>
      </c>
      <c r="E20" s="34">
        <v>0</v>
      </c>
      <c r="F20" s="34">
        <v>3.9490000000000003E-3</v>
      </c>
      <c r="G20" s="34">
        <v>14.298197</v>
      </c>
      <c r="H20" s="34">
        <v>8.9752410000000005</v>
      </c>
      <c r="I20" s="34">
        <v>-7.0558079999999999</v>
      </c>
      <c r="J20" s="34">
        <v>-0.83468500000000001</v>
      </c>
      <c r="K20" s="34">
        <v>-5.9773550000000002</v>
      </c>
      <c r="L20" s="34">
        <v>59408</v>
      </c>
      <c r="M20" s="34">
        <v>47506</v>
      </c>
      <c r="N20" s="34">
        <v>1.0801882400106228E-2</v>
      </c>
      <c r="O20" s="34">
        <v>77.941907</v>
      </c>
      <c r="P20" s="34">
        <v>8.5534890000000008</v>
      </c>
      <c r="Q20" s="34">
        <v>2.2275399999999999</v>
      </c>
      <c r="R20" s="34">
        <v>0</v>
      </c>
      <c r="S20" s="34">
        <v>2</v>
      </c>
    </row>
    <row r="21" spans="2:19" ht="20.100000000000001" customHeight="1">
      <c r="B21" s="36">
        <v>15</v>
      </c>
      <c r="C21" s="38" t="s">
        <v>929</v>
      </c>
      <c r="D21" s="34">
        <v>50.922330000000002</v>
      </c>
      <c r="E21" s="34">
        <v>0</v>
      </c>
      <c r="F21" s="34">
        <v>0</v>
      </c>
      <c r="G21" s="34">
        <v>10.953735999999999</v>
      </c>
      <c r="H21" s="34">
        <v>6.669848</v>
      </c>
      <c r="I21" s="34">
        <v>-5.630331</v>
      </c>
      <c r="J21" s="34">
        <v>-0.67959599999999998</v>
      </c>
      <c r="K21" s="34">
        <v>-4.7625409999999997</v>
      </c>
      <c r="L21" s="34">
        <v>30277</v>
      </c>
      <c r="M21" s="34">
        <v>24249</v>
      </c>
      <c r="N21" s="34">
        <v>0</v>
      </c>
      <c r="O21" s="34">
        <v>47.612816000000002</v>
      </c>
      <c r="P21" s="34">
        <v>2.2573449999999999</v>
      </c>
      <c r="Q21" s="34">
        <v>1.05217</v>
      </c>
      <c r="R21" s="34">
        <v>0</v>
      </c>
      <c r="S21" s="34">
        <v>2</v>
      </c>
    </row>
    <row r="22" spans="2:19" ht="32.25" customHeight="1">
      <c r="B22" s="36">
        <v>16</v>
      </c>
      <c r="C22" s="35" t="s">
        <v>928</v>
      </c>
      <c r="D22" s="34">
        <v>108.148797</v>
      </c>
      <c r="E22" s="34">
        <v>0</v>
      </c>
      <c r="F22" s="34">
        <v>0.79076900000000006</v>
      </c>
      <c r="G22" s="34">
        <v>12.641683</v>
      </c>
      <c r="H22" s="34">
        <v>4.7279600000000004</v>
      </c>
      <c r="I22" s="34">
        <v>-4.4207700000000001</v>
      </c>
      <c r="J22" s="34">
        <v>-0.64576699999999998</v>
      </c>
      <c r="K22" s="34">
        <v>-3.513293</v>
      </c>
      <c r="L22" s="34">
        <v>63532</v>
      </c>
      <c r="M22" s="34">
        <v>46764</v>
      </c>
      <c r="N22" s="34">
        <v>0.13263361903105608</v>
      </c>
      <c r="O22" s="34">
        <v>104.477114</v>
      </c>
      <c r="P22" s="34">
        <v>3.0905450000000001</v>
      </c>
      <c r="Q22" s="34">
        <v>0.58113700000000001</v>
      </c>
      <c r="R22" s="34">
        <v>0</v>
      </c>
      <c r="S22" s="34">
        <v>1</v>
      </c>
    </row>
    <row r="23" spans="2:19" ht="20.100000000000001" customHeight="1">
      <c r="B23" s="36">
        <v>17</v>
      </c>
      <c r="C23" s="38" t="s">
        <v>927</v>
      </c>
      <c r="D23" s="34">
        <v>121.851944</v>
      </c>
      <c r="E23" s="34">
        <v>0</v>
      </c>
      <c r="F23" s="34">
        <v>2.4324840000000001</v>
      </c>
      <c r="G23" s="34">
        <v>1.5631930000000001</v>
      </c>
      <c r="H23" s="34">
        <v>0.36395899999999998</v>
      </c>
      <c r="I23" s="34">
        <v>-0.36735699999999999</v>
      </c>
      <c r="J23" s="34">
        <v>-4.2548999999999997E-2</v>
      </c>
      <c r="K23" s="34">
        <v>-0.23669999999999999</v>
      </c>
      <c r="L23" s="34">
        <v>116006</v>
      </c>
      <c r="M23" s="34">
        <v>53244</v>
      </c>
      <c r="N23" s="34">
        <v>0.12624235204535392</v>
      </c>
      <c r="O23" s="34">
        <v>120.711794</v>
      </c>
      <c r="P23" s="34">
        <v>0.63944800000000002</v>
      </c>
      <c r="Q23" s="34">
        <v>0.50070099999999995</v>
      </c>
      <c r="R23" s="34">
        <v>0</v>
      </c>
      <c r="S23" s="34">
        <v>0</v>
      </c>
    </row>
    <row r="24" spans="2:19" ht="20.100000000000001" customHeight="1">
      <c r="B24" s="36">
        <v>18</v>
      </c>
      <c r="C24" s="38" t="s">
        <v>926</v>
      </c>
      <c r="D24" s="34">
        <v>27.673173999999999</v>
      </c>
      <c r="E24" s="34">
        <v>0</v>
      </c>
      <c r="F24" s="34">
        <v>0</v>
      </c>
      <c r="G24" s="34">
        <v>5.9054260000000003</v>
      </c>
      <c r="H24" s="34">
        <v>2.302562</v>
      </c>
      <c r="I24" s="34">
        <v>-2.3065769999999999</v>
      </c>
      <c r="J24" s="34">
        <v>-0.25159700000000002</v>
      </c>
      <c r="K24" s="34">
        <v>-1.990769</v>
      </c>
      <c r="L24" s="34">
        <v>14053</v>
      </c>
      <c r="M24" s="34">
        <v>9855</v>
      </c>
      <c r="N24" s="34">
        <v>0</v>
      </c>
      <c r="O24" s="34">
        <v>24.488330999999999</v>
      </c>
      <c r="P24" s="34">
        <v>1.6692070000000001</v>
      </c>
      <c r="Q24" s="34">
        <v>1.515636</v>
      </c>
      <c r="R24" s="34">
        <v>0</v>
      </c>
      <c r="S24" s="34">
        <v>3</v>
      </c>
    </row>
    <row r="25" spans="2:19" ht="20.100000000000001" customHeight="1">
      <c r="B25" s="36">
        <v>19</v>
      </c>
      <c r="C25" s="38" t="s">
        <v>925</v>
      </c>
      <c r="D25" s="34">
        <v>0.45280100000000001</v>
      </c>
      <c r="E25" s="34">
        <v>0.108331</v>
      </c>
      <c r="F25" s="34">
        <v>1.1509999999999999E-3</v>
      </c>
      <c r="G25" s="34">
        <v>0.16450699999999999</v>
      </c>
      <c r="H25" s="34">
        <v>1.168E-3</v>
      </c>
      <c r="I25" s="34">
        <v>-4.1219999999999998E-3</v>
      </c>
      <c r="J25" s="34">
        <v>-2.117E-3</v>
      </c>
      <c r="K25" s="34">
        <v>-1.013E-3</v>
      </c>
      <c r="L25" s="34">
        <v>700</v>
      </c>
      <c r="M25" s="34">
        <v>400</v>
      </c>
      <c r="N25" s="34">
        <v>0</v>
      </c>
      <c r="O25" s="34">
        <v>0.45280100000000001</v>
      </c>
      <c r="P25" s="34">
        <v>0</v>
      </c>
      <c r="Q25" s="34">
        <v>0</v>
      </c>
      <c r="R25" s="34">
        <v>0</v>
      </c>
      <c r="S25" s="34">
        <v>2</v>
      </c>
    </row>
    <row r="26" spans="2:19" ht="20.100000000000001" customHeight="1">
      <c r="B26" s="36">
        <v>20</v>
      </c>
      <c r="C26" s="38" t="s">
        <v>924</v>
      </c>
      <c r="D26" s="34">
        <v>133.27030199999999</v>
      </c>
      <c r="E26" s="34">
        <v>0.101352</v>
      </c>
      <c r="F26" s="34">
        <v>2.1410999999999999E-2</v>
      </c>
      <c r="G26" s="34">
        <v>11.134779999999999</v>
      </c>
      <c r="H26" s="34">
        <v>1.4952859999999999</v>
      </c>
      <c r="I26" s="34">
        <v>-1.7701899999999999</v>
      </c>
      <c r="J26" s="34">
        <v>-0.61497999999999997</v>
      </c>
      <c r="K26" s="34">
        <v>-0.91666099999999995</v>
      </c>
      <c r="L26" s="34">
        <v>132984</v>
      </c>
      <c r="M26" s="34">
        <v>75759</v>
      </c>
      <c r="N26" s="34">
        <v>3.5517767026224958E-3</v>
      </c>
      <c r="O26" s="34">
        <v>127.81242</v>
      </c>
      <c r="P26" s="34">
        <v>3.987269</v>
      </c>
      <c r="Q26" s="34">
        <v>1.4706129999999999</v>
      </c>
      <c r="R26" s="34">
        <v>0</v>
      </c>
      <c r="S26" s="34">
        <v>1</v>
      </c>
    </row>
    <row r="27" spans="2:19" ht="20.100000000000001" customHeight="1">
      <c r="B27" s="36">
        <v>21</v>
      </c>
      <c r="C27" s="38" t="s">
        <v>923</v>
      </c>
      <c r="D27" s="34">
        <v>39.412751</v>
      </c>
      <c r="E27" s="34">
        <v>0</v>
      </c>
      <c r="F27" s="34">
        <v>0</v>
      </c>
      <c r="G27" s="34">
        <v>0.930064</v>
      </c>
      <c r="H27" s="34">
        <v>1.63E-4</v>
      </c>
      <c r="I27" s="34">
        <v>-6.3755999999999993E-2</v>
      </c>
      <c r="J27" s="34">
        <v>-2.5706E-2</v>
      </c>
      <c r="K27" s="34">
        <v>-1E-4</v>
      </c>
      <c r="L27" s="34">
        <v>26907</v>
      </c>
      <c r="M27" s="34">
        <v>15331</v>
      </c>
      <c r="N27" s="34">
        <v>3.7384887546919139E-3</v>
      </c>
      <c r="O27" s="34">
        <v>36.725107999999999</v>
      </c>
      <c r="P27" s="34">
        <v>2.687643</v>
      </c>
      <c r="Q27" s="34">
        <v>0</v>
      </c>
      <c r="R27" s="34">
        <v>0</v>
      </c>
      <c r="S27" s="34">
        <v>1</v>
      </c>
    </row>
    <row r="28" spans="2:19" ht="20.100000000000001" customHeight="1">
      <c r="B28" s="36">
        <v>22</v>
      </c>
      <c r="C28" s="38" t="s">
        <v>922</v>
      </c>
      <c r="D28" s="34">
        <v>95.247184000000004</v>
      </c>
      <c r="E28" s="34">
        <v>0</v>
      </c>
      <c r="F28" s="34">
        <v>2.7E-2</v>
      </c>
      <c r="G28" s="34">
        <v>22.701315000000001</v>
      </c>
      <c r="H28" s="34">
        <v>4.1722929999999998</v>
      </c>
      <c r="I28" s="34">
        <v>-2.945875</v>
      </c>
      <c r="J28" s="34">
        <v>-0.43121100000000001</v>
      </c>
      <c r="K28" s="34">
        <v>-2.3241290000000001</v>
      </c>
      <c r="L28" s="34">
        <v>77946</v>
      </c>
      <c r="M28" s="34">
        <v>44406</v>
      </c>
      <c r="N28" s="34">
        <v>1.3339696633302958E-3</v>
      </c>
      <c r="O28" s="34">
        <v>86.420587999999995</v>
      </c>
      <c r="P28" s="34">
        <v>6.6765040000000004</v>
      </c>
      <c r="Q28" s="34">
        <v>2.1500910000000002</v>
      </c>
      <c r="R28" s="34">
        <v>0</v>
      </c>
      <c r="S28" s="34">
        <v>2</v>
      </c>
    </row>
    <row r="29" spans="2:19" ht="20.100000000000001" customHeight="1">
      <c r="B29" s="36">
        <v>23</v>
      </c>
      <c r="C29" s="38" t="s">
        <v>921</v>
      </c>
      <c r="D29" s="34">
        <v>214.717017</v>
      </c>
      <c r="E29" s="34">
        <v>0</v>
      </c>
      <c r="F29" s="34">
        <v>0.42135099999999998</v>
      </c>
      <c r="G29" s="34">
        <v>8.9056309999999996</v>
      </c>
      <c r="H29" s="34">
        <v>6.4233739999999999</v>
      </c>
      <c r="I29" s="34">
        <v>-6.2766409999999997</v>
      </c>
      <c r="J29" s="34">
        <v>-0.46853099999999998</v>
      </c>
      <c r="K29" s="34">
        <v>-5.5868330000000004</v>
      </c>
      <c r="L29" s="34">
        <v>170572</v>
      </c>
      <c r="M29" s="34">
        <v>70249</v>
      </c>
      <c r="N29" s="34">
        <v>1.1188135190373065E-2</v>
      </c>
      <c r="O29" s="34">
        <v>193.009446</v>
      </c>
      <c r="P29" s="34">
        <v>19.860071999999999</v>
      </c>
      <c r="Q29" s="34">
        <v>1.847499</v>
      </c>
      <c r="R29" s="34">
        <v>0</v>
      </c>
      <c r="S29" s="34">
        <v>1</v>
      </c>
    </row>
    <row r="30" spans="2:19" ht="20.100000000000001" customHeight="1">
      <c r="B30" s="36">
        <v>24</v>
      </c>
      <c r="C30" s="38" t="s">
        <v>920</v>
      </c>
      <c r="D30" s="34">
        <v>26.336921</v>
      </c>
      <c r="E30" s="34">
        <v>0</v>
      </c>
      <c r="F30" s="34">
        <v>0</v>
      </c>
      <c r="G30" s="34">
        <v>0.88392300000000001</v>
      </c>
      <c r="H30" s="34">
        <v>3.6871179999999999</v>
      </c>
      <c r="I30" s="34">
        <v>-3.6260889999999999</v>
      </c>
      <c r="J30" s="34">
        <v>-1.2038999999999999E-2</v>
      </c>
      <c r="K30" s="34">
        <v>-3.5694409999999999</v>
      </c>
      <c r="L30" s="34">
        <v>35889</v>
      </c>
      <c r="M30" s="34">
        <v>25677</v>
      </c>
      <c r="N30" s="34">
        <v>0</v>
      </c>
      <c r="O30" s="34">
        <v>24.864128999999998</v>
      </c>
      <c r="P30" s="34">
        <v>1.2990930000000001</v>
      </c>
      <c r="Q30" s="34">
        <v>0.17369899999999999</v>
      </c>
      <c r="R30" s="34">
        <v>0</v>
      </c>
      <c r="S30" s="34">
        <v>2</v>
      </c>
    </row>
    <row r="31" spans="2:19" ht="20.100000000000001" customHeight="1">
      <c r="B31" s="36">
        <v>25</v>
      </c>
      <c r="C31" s="38" t="s">
        <v>919</v>
      </c>
      <c r="D31" s="34">
        <v>265.57952</v>
      </c>
      <c r="E31" s="34">
        <v>0</v>
      </c>
      <c r="F31" s="34">
        <v>4.1349999999999998E-3</v>
      </c>
      <c r="G31" s="34">
        <v>55.982973999999999</v>
      </c>
      <c r="H31" s="34">
        <v>14.111988999999999</v>
      </c>
      <c r="I31" s="34">
        <v>-12.047017</v>
      </c>
      <c r="J31" s="34">
        <v>-2.333831</v>
      </c>
      <c r="K31" s="34">
        <v>-9.1858009999999997</v>
      </c>
      <c r="L31" s="34">
        <v>221421</v>
      </c>
      <c r="M31" s="34">
        <v>158592</v>
      </c>
      <c r="N31" s="34">
        <v>8.4834026393796296E-5</v>
      </c>
      <c r="O31" s="34">
        <v>241.89882399999999</v>
      </c>
      <c r="P31" s="34">
        <v>15.769526000000001</v>
      </c>
      <c r="Q31" s="34">
        <v>7.9111700000000003</v>
      </c>
      <c r="R31" s="34">
        <v>0</v>
      </c>
      <c r="S31" s="34">
        <v>2</v>
      </c>
    </row>
    <row r="32" spans="2:19" ht="20.100000000000001" customHeight="1">
      <c r="B32" s="36">
        <v>26</v>
      </c>
      <c r="C32" s="38" t="s">
        <v>903</v>
      </c>
      <c r="D32" s="34">
        <v>5.1979629999999997</v>
      </c>
      <c r="E32" s="34">
        <v>0</v>
      </c>
      <c r="F32" s="34">
        <v>0</v>
      </c>
      <c r="G32" s="34">
        <v>1.1395789999999999</v>
      </c>
      <c r="H32" s="34">
        <v>0.54982799999999998</v>
      </c>
      <c r="I32" s="34">
        <v>-0.58508300000000002</v>
      </c>
      <c r="J32" s="34">
        <v>-4.5633E-2</v>
      </c>
      <c r="K32" s="34">
        <v>-0.528775</v>
      </c>
      <c r="L32" s="34">
        <v>1905</v>
      </c>
      <c r="M32" s="34">
        <v>1587</v>
      </c>
      <c r="N32" s="34">
        <v>4.6739206980933682E-4</v>
      </c>
      <c r="O32" s="34">
        <v>4.5885800000000003</v>
      </c>
      <c r="P32" s="34">
        <v>0.60938300000000001</v>
      </c>
      <c r="Q32" s="34">
        <v>0</v>
      </c>
      <c r="R32" s="34">
        <v>0</v>
      </c>
      <c r="S32" s="34">
        <v>2</v>
      </c>
    </row>
    <row r="33" spans="2:19" ht="20.100000000000001" customHeight="1">
      <c r="B33" s="36">
        <v>27</v>
      </c>
      <c r="C33" s="38" t="s">
        <v>902</v>
      </c>
      <c r="D33" s="34">
        <v>34.644112999999997</v>
      </c>
      <c r="E33" s="34">
        <v>0</v>
      </c>
      <c r="F33" s="34">
        <v>0</v>
      </c>
      <c r="G33" s="34">
        <v>3.9905840000000001</v>
      </c>
      <c r="H33" s="34">
        <v>1.7744059999999999</v>
      </c>
      <c r="I33" s="34">
        <v>-1.830104</v>
      </c>
      <c r="J33" s="34">
        <v>-0.19172800000000001</v>
      </c>
      <c r="K33" s="34">
        <v>-1.5493209999999999</v>
      </c>
      <c r="L33" s="34">
        <v>17701</v>
      </c>
      <c r="M33" s="34">
        <v>15064</v>
      </c>
      <c r="N33" s="34">
        <v>9.7984940160321886E-4</v>
      </c>
      <c r="O33" s="34">
        <v>33.008772999999998</v>
      </c>
      <c r="P33" s="34">
        <v>0.64407000000000003</v>
      </c>
      <c r="Q33" s="34">
        <v>0.99126999999999998</v>
      </c>
      <c r="R33" s="34">
        <v>0</v>
      </c>
      <c r="S33" s="34">
        <v>1</v>
      </c>
    </row>
    <row r="34" spans="2:19" ht="20.100000000000001" customHeight="1">
      <c r="B34" s="36">
        <v>28</v>
      </c>
      <c r="C34" s="38" t="s">
        <v>901</v>
      </c>
      <c r="D34" s="34">
        <v>41.204495000000001</v>
      </c>
      <c r="E34" s="34">
        <v>0</v>
      </c>
      <c r="F34" s="34">
        <v>1.0889999999999999E-3</v>
      </c>
      <c r="G34" s="34">
        <v>6.8067570000000002</v>
      </c>
      <c r="H34" s="34">
        <v>1.5530299999999999</v>
      </c>
      <c r="I34" s="34">
        <v>-1.3490979999999999</v>
      </c>
      <c r="J34" s="34">
        <v>-0.16692100000000001</v>
      </c>
      <c r="K34" s="34">
        <v>-1.0546180000000001</v>
      </c>
      <c r="L34" s="34">
        <v>16548</v>
      </c>
      <c r="M34" s="34">
        <v>13645</v>
      </c>
      <c r="N34" s="34">
        <v>2.1048431924682118E-4</v>
      </c>
      <c r="O34" s="34">
        <v>39.434396999999997</v>
      </c>
      <c r="P34" s="34">
        <v>0.96867000000000003</v>
      </c>
      <c r="Q34" s="34">
        <v>0.80142800000000003</v>
      </c>
      <c r="R34" s="34">
        <v>0</v>
      </c>
      <c r="S34" s="34">
        <v>2</v>
      </c>
    </row>
    <row r="35" spans="2:19" ht="20.100000000000001" customHeight="1">
      <c r="B35" s="36">
        <v>29</v>
      </c>
      <c r="C35" s="38" t="s">
        <v>900</v>
      </c>
      <c r="D35" s="34">
        <v>161.1103</v>
      </c>
      <c r="E35" s="34">
        <v>0</v>
      </c>
      <c r="F35" s="34">
        <v>6.3231089999999996</v>
      </c>
      <c r="G35" s="34">
        <v>5.1597039999999996</v>
      </c>
      <c r="H35" s="34">
        <v>2.308862</v>
      </c>
      <c r="I35" s="34">
        <v>-2.750956</v>
      </c>
      <c r="J35" s="34">
        <v>-0.106224</v>
      </c>
      <c r="K35" s="34">
        <v>-2.1489340000000001</v>
      </c>
      <c r="L35" s="34">
        <v>96723</v>
      </c>
      <c r="M35" s="34">
        <v>86783</v>
      </c>
      <c r="N35" s="34">
        <v>1.053387330662962E-2</v>
      </c>
      <c r="O35" s="34">
        <v>159.40471500000001</v>
      </c>
      <c r="P35" s="34">
        <v>0.90454900000000005</v>
      </c>
      <c r="Q35" s="34">
        <v>0.76545799999999997</v>
      </c>
      <c r="R35" s="34">
        <v>3.5577999999999999E-2</v>
      </c>
      <c r="S35" s="34">
        <v>1</v>
      </c>
    </row>
    <row r="36" spans="2:19" ht="20.100000000000001" customHeight="1">
      <c r="B36" s="36">
        <v>30</v>
      </c>
      <c r="C36" s="38" t="s">
        <v>899</v>
      </c>
      <c r="D36" s="34">
        <v>5.9188419999999997</v>
      </c>
      <c r="E36" s="34">
        <v>0</v>
      </c>
      <c r="F36" s="34">
        <v>0</v>
      </c>
      <c r="G36" s="34">
        <v>1.144358</v>
      </c>
      <c r="H36" s="34">
        <v>2.1991260000000001</v>
      </c>
      <c r="I36" s="34">
        <v>-1.9338580000000001</v>
      </c>
      <c r="J36" s="34">
        <v>-3.1372999999999998E-2</v>
      </c>
      <c r="K36" s="34">
        <v>-1.889651</v>
      </c>
      <c r="L36" s="34">
        <v>2700</v>
      </c>
      <c r="M36" s="34">
        <v>2402</v>
      </c>
      <c r="N36" s="34">
        <v>0</v>
      </c>
      <c r="O36" s="34">
        <v>4.8873879999999996</v>
      </c>
      <c r="P36" s="34">
        <v>1.0314540000000001</v>
      </c>
      <c r="Q36" s="34">
        <v>0</v>
      </c>
      <c r="R36" s="34">
        <v>0</v>
      </c>
      <c r="S36" s="34">
        <v>2</v>
      </c>
    </row>
    <row r="37" spans="2:19" ht="20.100000000000001" customHeight="1">
      <c r="B37" s="36">
        <v>31</v>
      </c>
      <c r="C37" s="38" t="s">
        <v>898</v>
      </c>
      <c r="D37" s="34">
        <v>77.324179000000001</v>
      </c>
      <c r="E37" s="34">
        <v>0</v>
      </c>
      <c r="F37" s="34">
        <v>0</v>
      </c>
      <c r="G37" s="34">
        <v>9.9093180000000007</v>
      </c>
      <c r="H37" s="34">
        <v>5.2820780000000003</v>
      </c>
      <c r="I37" s="34">
        <v>-3.6762039999999998</v>
      </c>
      <c r="J37" s="34">
        <v>-0.50887899999999997</v>
      </c>
      <c r="K37" s="34">
        <v>-3.0140539999999998</v>
      </c>
      <c r="L37" s="34">
        <v>26349</v>
      </c>
      <c r="M37" s="34">
        <v>17947</v>
      </c>
      <c r="N37" s="34">
        <v>0</v>
      </c>
      <c r="O37" s="34">
        <v>62.241740999999998</v>
      </c>
      <c r="P37" s="34">
        <v>8.2236159999999998</v>
      </c>
      <c r="Q37" s="34">
        <v>6.858822</v>
      </c>
      <c r="R37" s="34">
        <v>0</v>
      </c>
      <c r="S37" s="34">
        <v>3</v>
      </c>
    </row>
    <row r="38" spans="2:19" ht="20.100000000000001" customHeight="1">
      <c r="B38" s="36">
        <v>32</v>
      </c>
      <c r="C38" s="38" t="s">
        <v>897</v>
      </c>
      <c r="D38" s="34">
        <v>26.567582999999999</v>
      </c>
      <c r="E38" s="34">
        <v>0</v>
      </c>
      <c r="F38" s="34">
        <v>0</v>
      </c>
      <c r="G38" s="34">
        <v>4.6178600000000003</v>
      </c>
      <c r="H38" s="34">
        <v>1.1096980000000001</v>
      </c>
      <c r="I38" s="34">
        <v>-0.55599299999999996</v>
      </c>
      <c r="J38" s="34">
        <v>-0.25538899999999998</v>
      </c>
      <c r="K38" s="34">
        <v>-0.237373</v>
      </c>
      <c r="L38" s="34">
        <v>9687</v>
      </c>
      <c r="M38" s="34">
        <v>7257</v>
      </c>
      <c r="N38" s="34">
        <v>4.6815878892091399E-2</v>
      </c>
      <c r="O38" s="34">
        <v>23.288321</v>
      </c>
      <c r="P38" s="34">
        <v>2.5503230000000001</v>
      </c>
      <c r="Q38" s="34">
        <v>0.728939</v>
      </c>
      <c r="R38" s="34">
        <v>0</v>
      </c>
      <c r="S38" s="34">
        <v>2</v>
      </c>
    </row>
    <row r="39" spans="2:19" ht="20.100000000000001" customHeight="1">
      <c r="B39" s="36">
        <v>33</v>
      </c>
      <c r="C39" s="38" t="s">
        <v>896</v>
      </c>
      <c r="D39" s="34">
        <v>132.25040300000001</v>
      </c>
      <c r="E39" s="34">
        <v>0</v>
      </c>
      <c r="F39" s="34">
        <v>5.7910000000000001E-3</v>
      </c>
      <c r="G39" s="34">
        <v>3.1772079999999998</v>
      </c>
      <c r="H39" s="34">
        <v>1.193641</v>
      </c>
      <c r="I39" s="34">
        <v>-1.0851519999999999</v>
      </c>
      <c r="J39" s="34">
        <v>-0.211562</v>
      </c>
      <c r="K39" s="34">
        <v>-0.71045700000000001</v>
      </c>
      <c r="L39" s="34">
        <v>379769</v>
      </c>
      <c r="M39" s="34">
        <v>375037</v>
      </c>
      <c r="N39" s="34">
        <v>0.52084070693404572</v>
      </c>
      <c r="O39" s="34">
        <v>129.15562499999999</v>
      </c>
      <c r="P39" s="34">
        <v>2.6820460000000002</v>
      </c>
      <c r="Q39" s="34">
        <v>0.41273300000000002</v>
      </c>
      <c r="R39" s="34">
        <v>0</v>
      </c>
      <c r="S39" s="34">
        <v>1</v>
      </c>
    </row>
    <row r="40" spans="2:19" s="31" customFormat="1" ht="24" customHeight="1">
      <c r="B40" s="33">
        <v>34</v>
      </c>
      <c r="C40" s="32" t="s">
        <v>895</v>
      </c>
      <c r="D40" s="34">
        <v>736.90288199999998</v>
      </c>
      <c r="E40" s="34">
        <v>36.605835999999996</v>
      </c>
      <c r="F40" s="34">
        <v>104.684859</v>
      </c>
      <c r="G40" s="34">
        <v>0.47840199999999999</v>
      </c>
      <c r="H40" s="34">
        <v>7.7360999999999999E-2</v>
      </c>
      <c r="I40" s="34">
        <v>-0.48904799999999998</v>
      </c>
      <c r="J40" s="34">
        <v>-5.2261000000000002E-2</v>
      </c>
      <c r="K40" s="34">
        <v>-6.0490000000000002E-2</v>
      </c>
      <c r="L40" s="34">
        <v>378933</v>
      </c>
      <c r="M40" s="34">
        <v>159754</v>
      </c>
      <c r="N40" s="34">
        <v>0.29143800153619048</v>
      </c>
      <c r="O40" s="34">
        <v>450.39650899999998</v>
      </c>
      <c r="P40" s="34">
        <v>157.99727200000001</v>
      </c>
      <c r="Q40" s="34">
        <v>128.50910099999999</v>
      </c>
      <c r="R40" s="34">
        <v>0</v>
      </c>
      <c r="S40" s="34">
        <v>4</v>
      </c>
    </row>
    <row r="41" spans="2:19" ht="20.100000000000001" customHeight="1">
      <c r="B41" s="36">
        <v>35</v>
      </c>
      <c r="C41" s="35" t="s">
        <v>894</v>
      </c>
      <c r="D41" s="34">
        <v>736.39296999999999</v>
      </c>
      <c r="E41" s="34">
        <v>36.605835999999996</v>
      </c>
      <c r="F41" s="34">
        <v>104.63427799999999</v>
      </c>
      <c r="G41" s="34">
        <v>0.299321</v>
      </c>
      <c r="H41" s="34">
        <v>7.6231999999999994E-2</v>
      </c>
      <c r="I41" s="34">
        <v>-0.47727399999999998</v>
      </c>
      <c r="J41" s="34">
        <v>-4.2215999999999997E-2</v>
      </c>
      <c r="K41" s="34">
        <v>-5.9430999999999998E-2</v>
      </c>
      <c r="L41" s="34">
        <v>378301</v>
      </c>
      <c r="M41" s="34">
        <v>159612</v>
      </c>
      <c r="N41" s="34">
        <v>0.29153743879329103</v>
      </c>
      <c r="O41" s="34">
        <v>449.94458600000002</v>
      </c>
      <c r="P41" s="34">
        <v>157.93928199999999</v>
      </c>
      <c r="Q41" s="34">
        <v>128.50910099999999</v>
      </c>
      <c r="R41" s="34">
        <v>0</v>
      </c>
      <c r="S41" s="34">
        <v>4</v>
      </c>
    </row>
    <row r="42" spans="2:19" ht="20.100000000000001" customHeight="1">
      <c r="B42" s="36">
        <v>36</v>
      </c>
      <c r="C42" s="37" t="s">
        <v>893</v>
      </c>
      <c r="D42" s="34">
        <v>367.81244299999997</v>
      </c>
      <c r="E42" s="34">
        <v>36.605835999999996</v>
      </c>
      <c r="F42" s="34">
        <v>12.714439</v>
      </c>
      <c r="G42" s="34">
        <v>0.226407</v>
      </c>
      <c r="H42" s="34">
        <v>1.7395000000000001E-2</v>
      </c>
      <c r="I42" s="34">
        <v>-0.35860599999999998</v>
      </c>
      <c r="J42" s="34">
        <v>-4.0333000000000001E-2</v>
      </c>
      <c r="K42" s="34">
        <v>-1.1240999999999999E-2</v>
      </c>
      <c r="L42" s="34">
        <v>142230</v>
      </c>
      <c r="M42" s="34">
        <v>76989</v>
      </c>
      <c r="N42" s="34">
        <v>0.19658703257399782</v>
      </c>
      <c r="O42" s="34">
        <v>81.364058999999997</v>
      </c>
      <c r="P42" s="34">
        <v>157.93928199999999</v>
      </c>
      <c r="Q42" s="34">
        <v>128.50910099999999</v>
      </c>
      <c r="R42" s="34">
        <v>0</v>
      </c>
      <c r="S42" s="34">
        <v>8</v>
      </c>
    </row>
    <row r="43" spans="2:19" ht="20.100000000000001" customHeight="1">
      <c r="B43" s="36">
        <v>37</v>
      </c>
      <c r="C43" s="35" t="s">
        <v>892</v>
      </c>
      <c r="D43" s="34">
        <v>0.25622299999999998</v>
      </c>
      <c r="E43" s="34">
        <v>0</v>
      </c>
      <c r="F43" s="34">
        <v>5.0582000000000002E-2</v>
      </c>
      <c r="G43" s="34">
        <v>0.13595099999999999</v>
      </c>
      <c r="H43" s="34">
        <v>0</v>
      </c>
      <c r="I43" s="34">
        <v>-8.2290000000000002E-3</v>
      </c>
      <c r="J43" s="34">
        <v>-8.0339999999999995E-3</v>
      </c>
      <c r="K43" s="34">
        <v>0</v>
      </c>
      <c r="L43" s="34">
        <v>375</v>
      </c>
      <c r="M43" s="34">
        <v>86</v>
      </c>
      <c r="N43" s="34">
        <v>0.29420839297542717</v>
      </c>
      <c r="O43" s="34">
        <v>0.25622299999999998</v>
      </c>
      <c r="P43" s="34">
        <v>0</v>
      </c>
      <c r="Q43" s="34">
        <v>0</v>
      </c>
      <c r="R43" s="34">
        <v>0</v>
      </c>
      <c r="S43" s="34">
        <v>0</v>
      </c>
    </row>
    <row r="44" spans="2:19" ht="20.100000000000001" customHeight="1">
      <c r="B44" s="36">
        <v>38</v>
      </c>
      <c r="C44" s="35" t="s">
        <v>891</v>
      </c>
      <c r="D44" s="34">
        <v>0.253689</v>
      </c>
      <c r="E44" s="34">
        <v>0</v>
      </c>
      <c r="F44" s="34">
        <v>0</v>
      </c>
      <c r="G44" s="34">
        <v>4.3131000000000003E-2</v>
      </c>
      <c r="H44" s="34">
        <v>1.129E-3</v>
      </c>
      <c r="I44" s="34">
        <v>-3.5460000000000001E-3</v>
      </c>
      <c r="J44" s="34">
        <v>-2.0119999999999999E-3</v>
      </c>
      <c r="K44" s="34">
        <v>-1.059E-3</v>
      </c>
      <c r="L44" s="34">
        <v>257</v>
      </c>
      <c r="M44" s="34">
        <v>55</v>
      </c>
      <c r="N44" s="34">
        <v>0</v>
      </c>
      <c r="O44" s="34">
        <v>0.19570000000000001</v>
      </c>
      <c r="P44" s="34">
        <v>5.799E-2</v>
      </c>
      <c r="Q44" s="34">
        <v>0</v>
      </c>
      <c r="R44" s="34">
        <v>0</v>
      </c>
      <c r="S44" s="34">
        <v>3</v>
      </c>
    </row>
    <row r="45" spans="2:19" s="31" customFormat="1" ht="24" customHeight="1">
      <c r="B45" s="33">
        <v>39</v>
      </c>
      <c r="C45" s="32" t="s">
        <v>890</v>
      </c>
      <c r="D45" s="34">
        <v>88.021192999999997</v>
      </c>
      <c r="E45" s="34">
        <v>0</v>
      </c>
      <c r="F45" s="34">
        <v>2.4768999999999999E-2</v>
      </c>
      <c r="G45" s="34">
        <v>7.3631310000000001</v>
      </c>
      <c r="H45" s="34">
        <v>1.648163</v>
      </c>
      <c r="I45" s="34">
        <v>-1.6740759999999999</v>
      </c>
      <c r="J45" s="34">
        <v>-0.12829099999999999</v>
      </c>
      <c r="K45" s="34">
        <v>-1.454823</v>
      </c>
      <c r="L45" s="34">
        <v>22633</v>
      </c>
      <c r="M45" s="34">
        <v>10808</v>
      </c>
      <c r="N45" s="34">
        <v>3.3782273206241562E-4</v>
      </c>
      <c r="O45" s="34">
        <v>84.649184000000005</v>
      </c>
      <c r="P45" s="34">
        <v>2.2912020000000002</v>
      </c>
      <c r="Q45" s="34">
        <v>1.0808070000000001</v>
      </c>
      <c r="R45" s="34">
        <v>0</v>
      </c>
      <c r="S45" s="34">
        <v>1</v>
      </c>
    </row>
    <row r="46" spans="2:19" s="31" customFormat="1" ht="24" customHeight="1">
      <c r="B46" s="33">
        <v>40</v>
      </c>
      <c r="C46" s="32" t="s">
        <v>889</v>
      </c>
      <c r="D46" s="34">
        <v>1052.8690039999999</v>
      </c>
      <c r="E46" s="34">
        <v>0</v>
      </c>
      <c r="F46" s="34">
        <v>4.1916969999999996</v>
      </c>
      <c r="G46" s="34">
        <v>66.456310999999999</v>
      </c>
      <c r="H46" s="34">
        <v>43.655763999999998</v>
      </c>
      <c r="I46" s="34">
        <v>-38.737589999999997</v>
      </c>
      <c r="J46" s="34">
        <v>-4.2140519999999997</v>
      </c>
      <c r="K46" s="34">
        <v>-32.438794000000001</v>
      </c>
      <c r="L46" s="34">
        <v>354692</v>
      </c>
      <c r="M46" s="34">
        <v>284927</v>
      </c>
      <c r="N46" s="34">
        <v>1.6657001142469353E-2</v>
      </c>
      <c r="O46" s="34">
        <v>894.56428800000003</v>
      </c>
      <c r="P46" s="34">
        <v>113.95056099999999</v>
      </c>
      <c r="Q46" s="34">
        <v>44.354154999999999</v>
      </c>
      <c r="R46" s="34">
        <v>0</v>
      </c>
      <c r="S46" s="34">
        <v>3</v>
      </c>
    </row>
    <row r="47" spans="2:19" ht="20.100000000000001" customHeight="1">
      <c r="B47" s="36">
        <v>41</v>
      </c>
      <c r="C47" s="35" t="s">
        <v>888</v>
      </c>
      <c r="D47" s="34">
        <v>716.19500200000004</v>
      </c>
      <c r="E47" s="34">
        <v>0</v>
      </c>
      <c r="F47" s="34">
        <v>2.279684</v>
      </c>
      <c r="G47" s="34">
        <v>39.695970000000003</v>
      </c>
      <c r="H47" s="34">
        <v>34.762314000000003</v>
      </c>
      <c r="I47" s="34">
        <v>-29.570540000000001</v>
      </c>
      <c r="J47" s="34">
        <v>-2.5389699999999999</v>
      </c>
      <c r="K47" s="34">
        <v>-25.85304</v>
      </c>
      <c r="L47" s="34">
        <v>173794</v>
      </c>
      <c r="M47" s="34">
        <v>143025</v>
      </c>
      <c r="N47" s="34">
        <v>8.074807463166165E-3</v>
      </c>
      <c r="O47" s="34">
        <v>605.49516700000004</v>
      </c>
      <c r="P47" s="34">
        <v>69.973017999999996</v>
      </c>
      <c r="Q47" s="34">
        <v>40.726816999999997</v>
      </c>
      <c r="R47" s="34">
        <v>0</v>
      </c>
      <c r="S47" s="34">
        <v>3</v>
      </c>
    </row>
    <row r="48" spans="2:19" ht="20.100000000000001" customHeight="1">
      <c r="B48" s="36">
        <v>42</v>
      </c>
      <c r="C48" s="35" t="s">
        <v>887</v>
      </c>
      <c r="D48" s="34">
        <v>175.331774</v>
      </c>
      <c r="E48" s="34">
        <v>0</v>
      </c>
      <c r="F48" s="34">
        <v>1.197065</v>
      </c>
      <c r="G48" s="34">
        <v>4.9212680000000004</v>
      </c>
      <c r="H48" s="34">
        <v>2.149762</v>
      </c>
      <c r="I48" s="34">
        <v>-2.0226229999999998</v>
      </c>
      <c r="J48" s="34">
        <v>-0.30313400000000001</v>
      </c>
      <c r="K48" s="34">
        <v>-1.4038710000000001</v>
      </c>
      <c r="L48" s="34">
        <v>55661</v>
      </c>
      <c r="M48" s="34">
        <v>47689</v>
      </c>
      <c r="N48" s="34">
        <v>5.2265788738860806E-2</v>
      </c>
      <c r="O48" s="34">
        <v>140.30221800000001</v>
      </c>
      <c r="P48" s="34">
        <v>34.351193000000002</v>
      </c>
      <c r="Q48" s="34">
        <v>0.67836300000000005</v>
      </c>
      <c r="R48" s="34">
        <v>0</v>
      </c>
      <c r="S48" s="34">
        <v>3</v>
      </c>
    </row>
    <row r="49" spans="2:21" ht="20.100000000000001" customHeight="1">
      <c r="B49" s="36">
        <v>43</v>
      </c>
      <c r="C49" s="35" t="s">
        <v>886</v>
      </c>
      <c r="D49" s="34">
        <v>161.34222800000001</v>
      </c>
      <c r="E49" s="34">
        <v>0</v>
      </c>
      <c r="F49" s="34">
        <v>0.71494800000000003</v>
      </c>
      <c r="G49" s="34">
        <v>21.839072999999999</v>
      </c>
      <c r="H49" s="34">
        <v>6.7436879999999997</v>
      </c>
      <c r="I49" s="34">
        <v>-7.1444270000000003</v>
      </c>
      <c r="J49" s="34">
        <v>-1.3719479999999999</v>
      </c>
      <c r="K49" s="34">
        <v>-5.181883</v>
      </c>
      <c r="L49" s="34">
        <v>125237</v>
      </c>
      <c r="M49" s="34">
        <v>94212</v>
      </c>
      <c r="N49" s="34">
        <v>1.6056862565704908E-2</v>
      </c>
      <c r="O49" s="34">
        <v>148.76690300000001</v>
      </c>
      <c r="P49" s="34">
        <v>9.6263500000000004</v>
      </c>
      <c r="Q49" s="34">
        <v>2.9489749999999999</v>
      </c>
      <c r="R49" s="34">
        <v>0</v>
      </c>
      <c r="S49" s="34">
        <v>2</v>
      </c>
    </row>
    <row r="50" spans="2:21" s="31" customFormat="1" ht="24" customHeight="1">
      <c r="B50" s="33">
        <v>44</v>
      </c>
      <c r="C50" s="32" t="s">
        <v>885</v>
      </c>
      <c r="D50" s="34">
        <v>1979.4220740000001</v>
      </c>
      <c r="E50" s="34">
        <v>2.7300000000000002E-4</v>
      </c>
      <c r="F50" s="34">
        <v>9.8268140000000006</v>
      </c>
      <c r="G50" s="34">
        <v>241.74128300000001</v>
      </c>
      <c r="H50" s="34">
        <v>79.077614999999994</v>
      </c>
      <c r="I50" s="34">
        <v>-68.336457999999993</v>
      </c>
      <c r="J50" s="34">
        <v>-11.297109000000001</v>
      </c>
      <c r="K50" s="34">
        <v>-52.202534999999997</v>
      </c>
      <c r="L50" s="34">
        <v>1432748</v>
      </c>
      <c r="M50" s="34">
        <v>1044351</v>
      </c>
      <c r="N50" s="34">
        <v>7.5520032472156537E-2</v>
      </c>
      <c r="O50" s="34">
        <v>1819.3611550000001</v>
      </c>
      <c r="P50" s="34">
        <v>118.55005300000001</v>
      </c>
      <c r="Q50" s="34">
        <v>41.510866</v>
      </c>
      <c r="R50" s="34">
        <v>0</v>
      </c>
      <c r="S50" s="34">
        <v>2</v>
      </c>
    </row>
    <row r="51" spans="2:21" s="31" customFormat="1" ht="24" customHeight="1">
      <c r="B51" s="33">
        <v>45</v>
      </c>
      <c r="C51" s="32" t="s">
        <v>884</v>
      </c>
      <c r="D51" s="34">
        <v>781.08571199999994</v>
      </c>
      <c r="E51" s="34">
        <v>6.9499999999999998E-4</v>
      </c>
      <c r="F51" s="34">
        <v>0.297379</v>
      </c>
      <c r="G51" s="34">
        <v>52.008432999999997</v>
      </c>
      <c r="H51" s="34">
        <v>49.481811</v>
      </c>
      <c r="I51" s="34">
        <v>-31.309388999999999</v>
      </c>
      <c r="J51" s="34">
        <v>-3.7754460000000001</v>
      </c>
      <c r="K51" s="34">
        <v>-26.158550000000002</v>
      </c>
      <c r="L51" s="34">
        <v>954062</v>
      </c>
      <c r="M51" s="34">
        <v>607039</v>
      </c>
      <c r="N51" s="34">
        <v>0.28511703121451759</v>
      </c>
      <c r="O51" s="34">
        <v>577.46895700000005</v>
      </c>
      <c r="P51" s="34">
        <v>149.98089400000001</v>
      </c>
      <c r="Q51" s="34">
        <v>53.635860999999998</v>
      </c>
      <c r="R51" s="34">
        <v>0</v>
      </c>
      <c r="S51" s="34">
        <v>3</v>
      </c>
    </row>
    <row r="52" spans="2:21" ht="20.100000000000001" customHeight="1">
      <c r="B52" s="36">
        <v>46</v>
      </c>
      <c r="C52" s="35" t="s">
        <v>883</v>
      </c>
      <c r="D52" s="34">
        <v>268.60497099999998</v>
      </c>
      <c r="E52" s="34">
        <v>0</v>
      </c>
      <c r="F52" s="34">
        <v>8.2475999999999994E-2</v>
      </c>
      <c r="G52" s="34">
        <v>42.324623000000003</v>
      </c>
      <c r="H52" s="34">
        <v>11.828011</v>
      </c>
      <c r="I52" s="34">
        <v>-11.635502000000001</v>
      </c>
      <c r="J52" s="34">
        <v>-2.5591569999999999</v>
      </c>
      <c r="K52" s="34">
        <v>-8.3305150000000001</v>
      </c>
      <c r="L52" s="34">
        <v>163762</v>
      </c>
      <c r="M52" s="34">
        <v>74437</v>
      </c>
      <c r="N52" s="34">
        <v>4.2935020711624852E-4</v>
      </c>
      <c r="O52" s="34">
        <v>244.47895</v>
      </c>
      <c r="P52" s="34">
        <v>22.315078</v>
      </c>
      <c r="Q52" s="34">
        <v>1.8109440000000001</v>
      </c>
      <c r="R52" s="34">
        <v>0</v>
      </c>
      <c r="S52" s="34">
        <v>3</v>
      </c>
    </row>
    <row r="53" spans="2:21" ht="20.100000000000001" customHeight="1">
      <c r="B53" s="36">
        <v>47</v>
      </c>
      <c r="C53" s="35" t="s">
        <v>882</v>
      </c>
      <c r="D53" s="34">
        <v>5.9040980000000003</v>
      </c>
      <c r="E53" s="34">
        <v>0</v>
      </c>
      <c r="F53" s="34">
        <v>0</v>
      </c>
      <c r="G53" s="34">
        <v>0.179034</v>
      </c>
      <c r="H53" s="34">
        <v>2.6953999999999999E-2</v>
      </c>
      <c r="I53" s="34">
        <v>-3.9156000000000003E-2</v>
      </c>
      <c r="J53" s="34">
        <v>-7.9139999999999992E-3</v>
      </c>
      <c r="K53" s="34">
        <v>-2.1999999999999999E-2</v>
      </c>
      <c r="L53" s="34">
        <v>4486</v>
      </c>
      <c r="M53" s="34">
        <v>2636</v>
      </c>
      <c r="N53" s="34">
        <v>0</v>
      </c>
      <c r="O53" s="34">
        <v>3.0295489999999998</v>
      </c>
      <c r="P53" s="34">
        <v>2.729069</v>
      </c>
      <c r="Q53" s="34">
        <v>0.145481</v>
      </c>
      <c r="R53" s="34">
        <v>0</v>
      </c>
      <c r="S53" s="34">
        <v>5</v>
      </c>
    </row>
    <row r="54" spans="2:21" ht="20.100000000000001" customHeight="1">
      <c r="B54" s="36">
        <v>48</v>
      </c>
      <c r="C54" s="35" t="s">
        <v>881</v>
      </c>
      <c r="D54" s="34">
        <v>18.815949</v>
      </c>
      <c r="E54" s="34">
        <v>0</v>
      </c>
      <c r="F54" s="34">
        <v>0</v>
      </c>
      <c r="G54" s="34">
        <v>2.1999999999999999E-5</v>
      </c>
      <c r="H54" s="34">
        <v>13.085436</v>
      </c>
      <c r="I54" s="34">
        <v>-4.2601699999999996</v>
      </c>
      <c r="J54" s="34">
        <v>-1.0000000000000001E-5</v>
      </c>
      <c r="K54" s="34">
        <v>-4.2457440000000002</v>
      </c>
      <c r="L54" s="34">
        <v>3320</v>
      </c>
      <c r="M54" s="34">
        <v>1968</v>
      </c>
      <c r="N54" s="34">
        <v>7.1623282275085605E-5</v>
      </c>
      <c r="O54" s="34">
        <v>7.9792550000000002</v>
      </c>
      <c r="P54" s="34">
        <v>10.836694</v>
      </c>
      <c r="Q54" s="34">
        <v>0</v>
      </c>
      <c r="R54" s="34">
        <v>0</v>
      </c>
      <c r="S54" s="34">
        <v>4</v>
      </c>
    </row>
    <row r="55" spans="2:21" ht="20.100000000000001" customHeight="1">
      <c r="B55" s="36">
        <v>49</v>
      </c>
      <c r="C55" s="35" t="s">
        <v>880</v>
      </c>
      <c r="D55" s="34">
        <v>463.165818</v>
      </c>
      <c r="E55" s="34">
        <v>6.9499999999999998E-4</v>
      </c>
      <c r="F55" s="34">
        <v>0.21490300000000001</v>
      </c>
      <c r="G55" s="34">
        <v>8.8986859999999997</v>
      </c>
      <c r="H55" s="34">
        <v>23.909063</v>
      </c>
      <c r="I55" s="34">
        <v>-14.915346</v>
      </c>
      <c r="J55" s="34">
        <v>-1.174061</v>
      </c>
      <c r="K55" s="34">
        <v>-13.154951000000001</v>
      </c>
      <c r="L55" s="34">
        <v>772801</v>
      </c>
      <c r="M55" s="34">
        <v>520906</v>
      </c>
      <c r="N55" s="34">
        <v>0.4805712278413638</v>
      </c>
      <c r="O55" s="34">
        <v>297.38632699999999</v>
      </c>
      <c r="P55" s="34">
        <v>114.100054</v>
      </c>
      <c r="Q55" s="34">
        <v>51.679437</v>
      </c>
      <c r="R55" s="34">
        <v>0</v>
      </c>
      <c r="S55" s="34">
        <v>3</v>
      </c>
    </row>
    <row r="56" spans="2:21" ht="20.100000000000001" customHeight="1">
      <c r="B56" s="36">
        <v>50</v>
      </c>
      <c r="C56" s="35" t="s">
        <v>879</v>
      </c>
      <c r="D56" s="34">
        <v>24.594875999999999</v>
      </c>
      <c r="E56" s="34">
        <v>0</v>
      </c>
      <c r="F56" s="34">
        <v>0</v>
      </c>
      <c r="G56" s="34">
        <v>0.60606800000000005</v>
      </c>
      <c r="H56" s="34">
        <v>0.63234699999999999</v>
      </c>
      <c r="I56" s="34">
        <v>-0.45921400000000001</v>
      </c>
      <c r="J56" s="34">
        <v>-3.4304000000000001E-2</v>
      </c>
      <c r="K56" s="34">
        <v>-0.405339</v>
      </c>
      <c r="L56" s="34">
        <v>9691</v>
      </c>
      <c r="M56" s="34">
        <v>7093</v>
      </c>
      <c r="N56" s="34">
        <v>0</v>
      </c>
      <c r="O56" s="34">
        <v>24.594875999999999</v>
      </c>
      <c r="P56" s="34">
        <v>0</v>
      </c>
      <c r="Q56" s="34">
        <v>0</v>
      </c>
      <c r="R56" s="34">
        <v>0</v>
      </c>
      <c r="S56" s="34">
        <v>1</v>
      </c>
    </row>
    <row r="57" spans="2:21" s="31" customFormat="1" ht="24" customHeight="1">
      <c r="B57" s="33">
        <v>51</v>
      </c>
      <c r="C57" s="32" t="s">
        <v>878</v>
      </c>
      <c r="D57" s="34">
        <v>1063.2867510000001</v>
      </c>
      <c r="E57" s="34">
        <v>0</v>
      </c>
      <c r="F57" s="34">
        <v>1.8966E-2</v>
      </c>
      <c r="G57" s="34">
        <v>97.623124000000004</v>
      </c>
      <c r="H57" s="34">
        <v>86.351225999999997</v>
      </c>
      <c r="I57" s="34">
        <v>-70.324100999999999</v>
      </c>
      <c r="J57" s="34">
        <v>-4.6441749999999997</v>
      </c>
      <c r="K57" s="34">
        <v>-64.037858999999997</v>
      </c>
      <c r="L57" s="34">
        <v>193375</v>
      </c>
      <c r="M57" s="34">
        <v>90094</v>
      </c>
      <c r="N57" s="34">
        <v>2.763532506179903E-4</v>
      </c>
      <c r="O57" s="34">
        <v>457.05120699999998</v>
      </c>
      <c r="P57" s="34">
        <v>218.14800099999999</v>
      </c>
      <c r="Q57" s="34">
        <v>324.60422399999999</v>
      </c>
      <c r="R57" s="34">
        <v>63.483319000000002</v>
      </c>
      <c r="S57" s="34">
        <v>8</v>
      </c>
    </row>
    <row r="58" spans="2:21" s="31" customFormat="1" ht="24" customHeight="1">
      <c r="B58" s="33">
        <v>52</v>
      </c>
      <c r="C58" s="32" t="s">
        <v>877</v>
      </c>
      <c r="D58" s="34">
        <v>1171.231096</v>
      </c>
      <c r="E58" s="34">
        <v>0</v>
      </c>
      <c r="F58" s="34">
        <v>0</v>
      </c>
      <c r="G58" s="34">
        <v>103.536661</v>
      </c>
      <c r="H58" s="34">
        <v>28.048686</v>
      </c>
      <c r="I58" s="34">
        <v>-26.141884000000001</v>
      </c>
      <c r="J58" s="34">
        <v>-5.7186050000000002</v>
      </c>
      <c r="K58" s="21">
        <v>-18.839169999999999</v>
      </c>
      <c r="L58" s="21">
        <v>114947</v>
      </c>
      <c r="M58" s="21">
        <v>14580</v>
      </c>
      <c r="N58" s="21">
        <v>0</v>
      </c>
      <c r="O58" s="21">
        <v>685.24785699999995</v>
      </c>
      <c r="P58" s="34">
        <v>255.32025100000001</v>
      </c>
      <c r="Q58" s="34">
        <v>230.531812</v>
      </c>
      <c r="R58" s="34">
        <v>0.13117599999999999</v>
      </c>
      <c r="S58" s="34">
        <v>6</v>
      </c>
    </row>
    <row r="59" spans="2:21" s="27" customFormat="1" ht="27" customHeight="1">
      <c r="B59" s="30">
        <v>53</v>
      </c>
      <c r="C59" s="29" t="s">
        <v>876</v>
      </c>
      <c r="D59" s="28">
        <v>2992.0707979999997</v>
      </c>
      <c r="E59" s="28">
        <v>351.47054000000003</v>
      </c>
      <c r="F59" s="28">
        <v>9.7601080000000007</v>
      </c>
      <c r="G59" s="28">
        <v>206.64533900000001</v>
      </c>
      <c r="H59" s="28">
        <v>50.382795000000002</v>
      </c>
      <c r="I59" s="28">
        <v>-64.724278999999996</v>
      </c>
      <c r="J59" s="28">
        <v>-19.212288000000001</v>
      </c>
      <c r="K59" s="28">
        <v>-38.329481999999999</v>
      </c>
      <c r="L59" s="28">
        <v>815614</v>
      </c>
      <c r="M59" s="28">
        <v>621461</v>
      </c>
      <c r="N59" s="28">
        <v>0.23499638584643773</v>
      </c>
      <c r="O59" s="28">
        <v>2432.2645849999999</v>
      </c>
      <c r="P59" s="28">
        <v>354.27076099999999</v>
      </c>
      <c r="Q59" s="28">
        <v>204.50290000000001</v>
      </c>
      <c r="R59" s="28">
        <v>1.0325530000000001</v>
      </c>
      <c r="S59" s="28">
        <v>3</v>
      </c>
    </row>
    <row r="60" spans="2:21" s="20" customFormat="1" ht="20.100000000000001" customHeight="1">
      <c r="B60" s="26">
        <v>54</v>
      </c>
      <c r="C60" s="25" t="s">
        <v>875</v>
      </c>
      <c r="D60" s="34">
        <v>3.46062</v>
      </c>
      <c r="E60" s="24">
        <v>0</v>
      </c>
      <c r="F60" s="24">
        <v>5.7000000000000003E-5</v>
      </c>
      <c r="G60" s="24">
        <v>0.175923</v>
      </c>
      <c r="H60" s="24">
        <v>5.0876999999999999E-2</v>
      </c>
      <c r="I60" s="24">
        <v>-0.40149099999999999</v>
      </c>
      <c r="J60" s="24">
        <v>-1.4942E-2</v>
      </c>
      <c r="K60" s="24">
        <v>-3.7402999999999999E-2</v>
      </c>
      <c r="L60" s="24">
        <v>734</v>
      </c>
      <c r="M60" s="24">
        <v>490</v>
      </c>
      <c r="N60" s="24">
        <v>7.9471307461216357E-5</v>
      </c>
      <c r="O60" s="24">
        <v>2.3523480000000001</v>
      </c>
      <c r="P60" s="24">
        <v>0.62791200000000003</v>
      </c>
      <c r="Q60" s="24">
        <v>0.14648</v>
      </c>
      <c r="R60" s="24">
        <v>0.33388000000000001</v>
      </c>
      <c r="S60" s="24">
        <v>11</v>
      </c>
    </row>
    <row r="61" spans="2:21" s="20" customFormat="1" ht="20.100000000000001" customHeight="1">
      <c r="B61" s="23">
        <v>55</v>
      </c>
      <c r="C61" s="22" t="s">
        <v>874</v>
      </c>
      <c r="D61" s="21">
        <v>2988.6101779999999</v>
      </c>
      <c r="E61" s="21">
        <v>351.47054000000003</v>
      </c>
      <c r="F61" s="21">
        <v>9.7600510000000007</v>
      </c>
      <c r="G61" s="21">
        <v>206.469416</v>
      </c>
      <c r="H61" s="21">
        <v>50.331918000000002</v>
      </c>
      <c r="I61" s="21">
        <v>-64.322788000000003</v>
      </c>
      <c r="J61" s="21">
        <v>-19.197346</v>
      </c>
      <c r="K61" s="21">
        <v>-38.292079000000001</v>
      </c>
      <c r="L61" s="21">
        <v>814880</v>
      </c>
      <c r="M61" s="21">
        <v>620971</v>
      </c>
      <c r="N61" s="21">
        <v>0.23526840465262808</v>
      </c>
      <c r="O61" s="21">
        <v>2429.912237</v>
      </c>
      <c r="P61" s="21">
        <v>353.64284900000001</v>
      </c>
      <c r="Q61" s="21">
        <v>204.35642000000001</v>
      </c>
      <c r="R61" s="21">
        <v>0.69867299999999999</v>
      </c>
      <c r="S61" s="21">
        <v>3</v>
      </c>
    </row>
    <row r="62" spans="2:21" s="16" customFormat="1" ht="27" customHeight="1" thickBot="1">
      <c r="B62" s="19">
        <v>56</v>
      </c>
      <c r="C62" s="18" t="s">
        <v>576</v>
      </c>
      <c r="D62" s="17">
        <v>12539.316788</v>
      </c>
      <c r="E62" s="17">
        <v>388.28702700000002</v>
      </c>
      <c r="F62" s="17">
        <v>138.88502900000003</v>
      </c>
      <c r="G62" s="17">
        <v>1060.242266</v>
      </c>
      <c r="H62" s="17">
        <v>451.06772099999995</v>
      </c>
      <c r="I62" s="17">
        <v>-385.92637400000001</v>
      </c>
      <c r="J62" s="17">
        <v>-62.501230000000007</v>
      </c>
      <c r="K62" s="17">
        <v>-298.86840599999999</v>
      </c>
      <c r="L62" s="17">
        <v>7516730</v>
      </c>
      <c r="M62" s="17">
        <v>4510963</v>
      </c>
      <c r="N62" s="17">
        <v>0.11407720055840095</v>
      </c>
      <c r="O62" s="17">
        <v>9727.1482639999995</v>
      </c>
      <c r="P62" s="17">
        <v>1611.484457</v>
      </c>
      <c r="Q62" s="17">
        <v>1136.0014409999999</v>
      </c>
      <c r="R62" s="17">
        <v>64.682625999999999</v>
      </c>
      <c r="S62" s="17">
        <v>3</v>
      </c>
    </row>
    <row r="63" spans="2:21" ht="36" customHeight="1">
      <c r="C63" s="975" t="s">
        <v>873</v>
      </c>
      <c r="D63" s="975"/>
      <c r="E63" s="975"/>
      <c r="F63" s="975"/>
      <c r="G63" s="975"/>
      <c r="H63" s="975"/>
      <c r="I63" s="975"/>
      <c r="J63" s="975"/>
      <c r="K63" s="975"/>
      <c r="L63" s="975"/>
      <c r="M63" s="975"/>
      <c r="N63" s="975"/>
      <c r="O63" s="975"/>
      <c r="P63" s="975"/>
      <c r="Q63" s="975"/>
      <c r="R63" s="975"/>
      <c r="S63" s="975"/>
      <c r="T63" s="975"/>
      <c r="U63" s="975"/>
    </row>
  </sheetData>
  <mergeCells count="10">
    <mergeCell ref="C63:U63"/>
    <mergeCell ref="Q5:Q6"/>
    <mergeCell ref="R5:R6"/>
    <mergeCell ref="S5:S6"/>
    <mergeCell ref="D5:H5"/>
    <mergeCell ref="I5:K5"/>
    <mergeCell ref="L5:M5"/>
    <mergeCell ref="N5:N6"/>
    <mergeCell ref="O5:O6"/>
    <mergeCell ref="P5:P6"/>
  </mergeCells>
  <hyperlinks>
    <hyperlink ref="U1" location="Índice!A1" display="Voltar ao Índice" xr:uid="{00000000-0004-0000-2D00-000000000000}"/>
  </hyperlinks>
  <pageMargins left="0.70866141732283472" right="0.70866141732283472" top="0.74803149606299213" bottom="0.74803149606299213" header="0.31496062992125984" footer="0.31496062992125984"/>
  <pageSetup paperSize="9" scale="29" orientation="landscape" r:id="rId1"/>
  <headerFooter>
    <oddFooter>&amp;C1</oddFooter>
  </headerFooter>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E00-000000000000}">
  <sheetPr>
    <tabColor rgb="FFFF0000"/>
  </sheetPr>
  <dimension ref="A1:U16"/>
  <sheetViews>
    <sheetView showGridLines="0" zoomScaleNormal="100" zoomScalePageLayoutView="40" workbookViewId="0"/>
  </sheetViews>
  <sheetFormatPr defaultColWidth="8.85546875" defaultRowHeight="16.5"/>
  <cols>
    <col min="1" max="1" width="4.7109375" style="54" customWidth="1"/>
    <col min="2" max="2" width="3" style="257" bestFit="1" customWidth="1"/>
    <col min="3" max="3" width="52.140625" style="257" customWidth="1"/>
    <col min="4" max="17" width="10.7109375" style="257" customWidth="1"/>
    <col min="18" max="18" width="19.140625" style="257" customWidth="1"/>
    <col min="19" max="19" width="16.7109375" style="257" customWidth="1"/>
    <col min="20" max="20" width="8.85546875" style="257"/>
    <col min="21" max="21" width="14.28515625" style="257" bestFit="1" customWidth="1"/>
    <col min="22" max="16384" width="8.85546875" style="257"/>
  </cols>
  <sheetData>
    <row r="1" spans="2:21" s="15" customFormat="1" ht="19.5">
      <c r="C1" s="10" t="s">
        <v>971</v>
      </c>
      <c r="D1" s="14"/>
      <c r="U1" s="53" t="s">
        <v>945</v>
      </c>
    </row>
    <row r="2" spans="2:21" s="15" customFormat="1">
      <c r="C2" s="131"/>
      <c r="D2" s="14"/>
    </row>
    <row r="3" spans="2:21" s="15" customFormat="1" ht="17.25" thickBot="1">
      <c r="D3" s="12" t="s">
        <v>4</v>
      </c>
      <c r="E3" s="12" t="s">
        <v>5</v>
      </c>
      <c r="F3" s="12" t="s">
        <v>6</v>
      </c>
      <c r="G3" s="12" t="s">
        <v>41</v>
      </c>
      <c r="H3" s="12" t="s">
        <v>42</v>
      </c>
      <c r="I3" s="12" t="s">
        <v>94</v>
      </c>
      <c r="J3" s="12" t="s">
        <v>95</v>
      </c>
      <c r="K3" s="12" t="s">
        <v>96</v>
      </c>
      <c r="L3" s="12" t="s">
        <v>218</v>
      </c>
      <c r="M3" s="12" t="s">
        <v>219</v>
      </c>
      <c r="N3" s="12" t="s">
        <v>220</v>
      </c>
      <c r="O3" s="12" t="s">
        <v>221</v>
      </c>
      <c r="P3" s="12" t="s">
        <v>222</v>
      </c>
      <c r="Q3" s="12" t="s">
        <v>442</v>
      </c>
      <c r="R3" s="12" t="s">
        <v>443</v>
      </c>
      <c r="S3" s="12" t="s">
        <v>579</v>
      </c>
    </row>
    <row r="4" spans="2:21" s="15" customFormat="1" ht="24" customHeight="1">
      <c r="C4" s="44" t="s">
        <v>970</v>
      </c>
      <c r="D4" s="981" t="s">
        <v>969</v>
      </c>
      <c r="E4" s="981"/>
      <c r="F4" s="981"/>
      <c r="G4" s="981"/>
      <c r="H4" s="981"/>
      <c r="I4" s="981"/>
      <c r="J4" s="981"/>
      <c r="K4" s="981"/>
      <c r="L4" s="981"/>
      <c r="M4" s="981"/>
      <c r="N4" s="981"/>
      <c r="O4" s="981"/>
      <c r="P4" s="981"/>
      <c r="Q4" s="981"/>
      <c r="R4" s="981"/>
      <c r="S4" s="981"/>
    </row>
    <row r="5" spans="2:21" s="15" customFormat="1" ht="38.25" customHeight="1">
      <c r="C5" s="14"/>
      <c r="D5" s="73"/>
      <c r="E5" s="982" t="s">
        <v>968</v>
      </c>
      <c r="F5" s="982"/>
      <c r="G5" s="982"/>
      <c r="H5" s="982"/>
      <c r="I5" s="982"/>
      <c r="J5" s="982"/>
      <c r="K5" s="982" t="s">
        <v>967</v>
      </c>
      <c r="L5" s="982"/>
      <c r="M5" s="982"/>
      <c r="N5" s="982"/>
      <c r="O5" s="982"/>
      <c r="P5" s="982"/>
      <c r="Q5" s="982"/>
      <c r="R5" s="982" t="s">
        <v>966</v>
      </c>
      <c r="S5" s="982"/>
    </row>
    <row r="6" spans="2:21" s="15" customFormat="1" ht="132">
      <c r="C6" s="14"/>
      <c r="D6" s="73"/>
      <c r="E6" s="73" t="s">
        <v>965</v>
      </c>
      <c r="F6" s="73" t="s">
        <v>964</v>
      </c>
      <c r="G6" s="73" t="s">
        <v>963</v>
      </c>
      <c r="H6" s="73" t="s">
        <v>962</v>
      </c>
      <c r="I6" s="73" t="s">
        <v>961</v>
      </c>
      <c r="J6" s="73" t="s">
        <v>960</v>
      </c>
      <c r="K6" s="73" t="s">
        <v>959</v>
      </c>
      <c r="L6" s="73" t="s">
        <v>958</v>
      </c>
      <c r="M6" s="73" t="s">
        <v>957</v>
      </c>
      <c r="N6" s="73" t="s">
        <v>956</v>
      </c>
      <c r="O6" s="73" t="s">
        <v>955</v>
      </c>
      <c r="P6" s="73" t="s">
        <v>954</v>
      </c>
      <c r="Q6" s="73" t="s">
        <v>953</v>
      </c>
      <c r="R6" s="14"/>
      <c r="S6" s="14" t="s">
        <v>947</v>
      </c>
    </row>
    <row r="7" spans="2:21" s="63" customFormat="1" ht="29.25" customHeight="1">
      <c r="B7" s="72">
        <v>1</v>
      </c>
      <c r="C7" s="71" t="s">
        <v>952</v>
      </c>
      <c r="D7" s="70">
        <v>27633.702193000001</v>
      </c>
      <c r="E7" s="70">
        <v>13792.541388</v>
      </c>
      <c r="F7" s="70">
        <v>10084.407099</v>
      </c>
      <c r="G7" s="70">
        <v>2768.3817179999996</v>
      </c>
      <c r="H7" s="70">
        <v>483.94350500000002</v>
      </c>
      <c r="I7" s="70">
        <v>150.47106200000002</v>
      </c>
      <c r="J7" s="70">
        <v>155.09113300000001</v>
      </c>
      <c r="K7" s="70">
        <v>1979.2468470000001</v>
      </c>
      <c r="L7" s="70">
        <v>1915.0429549999999</v>
      </c>
      <c r="M7" s="70">
        <v>3603.7220670000002</v>
      </c>
      <c r="N7" s="70">
        <v>3548.703767</v>
      </c>
      <c r="O7" s="70">
        <v>1988.059757</v>
      </c>
      <c r="P7" s="70">
        <v>895.49353699999995</v>
      </c>
      <c r="Q7" s="70">
        <v>2.4870839999999999</v>
      </c>
      <c r="R7" s="70">
        <v>13700.946179</v>
      </c>
      <c r="S7" s="69">
        <v>0.98462739622152329</v>
      </c>
    </row>
    <row r="8" spans="2:21" s="15" customFormat="1" ht="30" customHeight="1">
      <c r="B8" s="36">
        <v>2</v>
      </c>
      <c r="C8" s="62" t="s">
        <v>950</v>
      </c>
      <c r="D8" s="61">
        <v>2563.60635</v>
      </c>
      <c r="E8" s="61">
        <v>798.70174999999995</v>
      </c>
      <c r="F8" s="61">
        <v>1424.9239990000001</v>
      </c>
      <c r="G8" s="61">
        <v>166.439367</v>
      </c>
      <c r="H8" s="61">
        <v>7.5218530000000001</v>
      </c>
      <c r="I8" s="61">
        <v>5.388541</v>
      </c>
      <c r="J8" s="61">
        <v>3.0664950000000002</v>
      </c>
      <c r="K8" s="61">
        <v>9.4486600000000003</v>
      </c>
      <c r="L8" s="61">
        <v>114.58490500000001</v>
      </c>
      <c r="M8" s="61">
        <v>94.207357000000002</v>
      </c>
      <c r="N8" s="61">
        <v>16.541231</v>
      </c>
      <c r="O8" s="61">
        <v>23.938127999999999</v>
      </c>
      <c r="P8" s="61">
        <v>11.136725999999999</v>
      </c>
      <c r="Q8" s="61">
        <v>0.104974</v>
      </c>
      <c r="R8" s="61">
        <v>2293.6443690000001</v>
      </c>
      <c r="S8" s="60">
        <v>0.93130393397966216</v>
      </c>
    </row>
    <row r="9" spans="2:21" s="15" customFormat="1" ht="30" customHeight="1">
      <c r="B9" s="36">
        <v>3</v>
      </c>
      <c r="C9" s="62" t="s">
        <v>949</v>
      </c>
      <c r="D9" s="61">
        <v>25026.353698999999</v>
      </c>
      <c r="E9" s="61">
        <v>12978.436447</v>
      </c>
      <c r="F9" s="61">
        <v>8636.3306379999995</v>
      </c>
      <c r="G9" s="61">
        <v>2599.8877459999999</v>
      </c>
      <c r="H9" s="61">
        <v>476.21017000000001</v>
      </c>
      <c r="I9" s="61">
        <v>145.08252100000001</v>
      </c>
      <c r="J9" s="61">
        <v>152.02463800000001</v>
      </c>
      <c r="K9" s="61">
        <v>1969.7981870000001</v>
      </c>
      <c r="L9" s="61">
        <v>1800.274488</v>
      </c>
      <c r="M9" s="61">
        <v>3509.1247600000002</v>
      </c>
      <c r="N9" s="61">
        <v>3531.9053859999999</v>
      </c>
      <c r="O9" s="61">
        <v>1963.9178790000001</v>
      </c>
      <c r="P9" s="61">
        <v>883.77738999999997</v>
      </c>
      <c r="Q9" s="61">
        <v>2.3821099999999999</v>
      </c>
      <c r="R9" s="61">
        <v>11365.173499</v>
      </c>
      <c r="S9" s="60">
        <v>0.99558876351474868</v>
      </c>
    </row>
    <row r="10" spans="2:21" s="15" customFormat="1" ht="30" customHeight="1">
      <c r="B10" s="36">
        <v>4</v>
      </c>
      <c r="C10" s="62" t="s">
        <v>948</v>
      </c>
      <c r="D10" s="61">
        <v>43.742144000000003</v>
      </c>
      <c r="E10" s="61">
        <v>15.403191</v>
      </c>
      <c r="F10" s="61">
        <v>23.152462</v>
      </c>
      <c r="G10" s="61">
        <v>2.054605</v>
      </c>
      <c r="H10" s="61">
        <v>0.211482</v>
      </c>
      <c r="I10" s="61">
        <v>0</v>
      </c>
      <c r="J10" s="61">
        <v>0</v>
      </c>
      <c r="K10" s="61">
        <v>0</v>
      </c>
      <c r="L10" s="61">
        <v>0.183562</v>
      </c>
      <c r="M10" s="61">
        <v>0.38995000000000002</v>
      </c>
      <c r="N10" s="61">
        <v>0.25714999999999999</v>
      </c>
      <c r="O10" s="61">
        <v>0.20374999999999999</v>
      </c>
      <c r="P10" s="61">
        <v>0.57942099999999996</v>
      </c>
      <c r="Q10" s="61">
        <v>0</v>
      </c>
      <c r="R10" s="61">
        <v>42.128310999999997</v>
      </c>
      <c r="S10" s="60">
        <v>0.93067835071764449</v>
      </c>
    </row>
    <row r="11" spans="2:21" s="15" customFormat="1" ht="30" customHeight="1">
      <c r="B11" s="36">
        <v>5</v>
      </c>
      <c r="C11" s="62" t="s">
        <v>947</v>
      </c>
      <c r="D11" s="61">
        <v>24224.919099999999</v>
      </c>
      <c r="E11" s="61">
        <v>12659.435732</v>
      </c>
      <c r="F11" s="61">
        <v>9187.0519839999997</v>
      </c>
      <c r="G11" s="61">
        <v>2196.6248390000001</v>
      </c>
      <c r="H11" s="61">
        <v>178.77964600000001</v>
      </c>
      <c r="I11" s="61">
        <v>1.5296749999999999</v>
      </c>
      <c r="J11" s="61">
        <v>1.4972240000000001</v>
      </c>
      <c r="K11" s="68"/>
      <c r="L11" s="68"/>
      <c r="M11" s="68"/>
      <c r="N11" s="68"/>
      <c r="O11" s="68"/>
      <c r="P11" s="68"/>
      <c r="Q11" s="68"/>
      <c r="R11" s="61">
        <v>0</v>
      </c>
      <c r="S11" s="60">
        <v>0</v>
      </c>
    </row>
    <row r="12" spans="2:21" s="63" customFormat="1" ht="30" customHeight="1">
      <c r="B12" s="67">
        <v>6</v>
      </c>
      <c r="C12" s="66" t="s">
        <v>951</v>
      </c>
      <c r="D12" s="65">
        <v>88.577770000000001</v>
      </c>
      <c r="E12" s="65">
        <v>43.182433000000003</v>
      </c>
      <c r="F12" s="65">
        <v>23.178166000000001</v>
      </c>
      <c r="G12" s="65">
        <v>10.782109999999999</v>
      </c>
      <c r="H12" s="65">
        <v>4.8464809999999998</v>
      </c>
      <c r="I12" s="65">
        <v>2.2526109999999999</v>
      </c>
      <c r="J12" s="65">
        <v>2.637988</v>
      </c>
      <c r="K12" s="65">
        <v>17.907503999999999</v>
      </c>
      <c r="L12" s="65">
        <v>14.331578</v>
      </c>
      <c r="M12" s="65">
        <v>15.453251</v>
      </c>
      <c r="N12" s="65">
        <v>13.70635</v>
      </c>
      <c r="O12" s="65">
        <v>9.7251270000000005</v>
      </c>
      <c r="P12" s="65">
        <v>4.3852209999999996</v>
      </c>
      <c r="Q12" s="65">
        <v>0</v>
      </c>
      <c r="R12" s="65">
        <v>13.068739000000001</v>
      </c>
      <c r="S12" s="64">
        <v>0.8700730805014929</v>
      </c>
    </row>
    <row r="13" spans="2:21" s="15" customFormat="1" ht="30" customHeight="1">
      <c r="B13" s="36">
        <v>7</v>
      </c>
      <c r="C13" s="62" t="s">
        <v>950</v>
      </c>
      <c r="D13" s="61">
        <v>0</v>
      </c>
      <c r="E13" s="61">
        <v>0</v>
      </c>
      <c r="F13" s="61">
        <v>0</v>
      </c>
      <c r="G13" s="61">
        <v>0</v>
      </c>
      <c r="H13" s="61">
        <v>0</v>
      </c>
      <c r="I13" s="61">
        <v>0</v>
      </c>
      <c r="J13" s="61">
        <v>0</v>
      </c>
      <c r="K13" s="61">
        <v>0</v>
      </c>
      <c r="L13" s="61">
        <v>0</v>
      </c>
      <c r="M13" s="61">
        <v>0</v>
      </c>
      <c r="N13" s="61">
        <v>0</v>
      </c>
      <c r="O13" s="61">
        <v>0</v>
      </c>
      <c r="P13" s="61">
        <v>0</v>
      </c>
      <c r="Q13" s="61">
        <v>0</v>
      </c>
      <c r="R13" s="61">
        <v>0</v>
      </c>
      <c r="S13" s="60">
        <v>0</v>
      </c>
    </row>
    <row r="14" spans="2:21" s="15" customFormat="1" ht="30" customHeight="1">
      <c r="B14" s="36">
        <v>8</v>
      </c>
      <c r="C14" s="62" t="s">
        <v>949</v>
      </c>
      <c r="D14" s="61">
        <v>88.577770000000001</v>
      </c>
      <c r="E14" s="61">
        <v>43.182433000000003</v>
      </c>
      <c r="F14" s="61">
        <v>23.178166000000001</v>
      </c>
      <c r="G14" s="61">
        <v>10.782109999999999</v>
      </c>
      <c r="H14" s="61">
        <v>4.8464809999999998</v>
      </c>
      <c r="I14" s="61">
        <v>2.2526109999999999</v>
      </c>
      <c r="J14" s="61">
        <v>2.637988</v>
      </c>
      <c r="K14" s="61">
        <v>17.907503999999999</v>
      </c>
      <c r="L14" s="61">
        <v>14.331578</v>
      </c>
      <c r="M14" s="61">
        <v>15.453251</v>
      </c>
      <c r="N14" s="61">
        <v>13.70635</v>
      </c>
      <c r="O14" s="61">
        <v>9.7251270000000005</v>
      </c>
      <c r="P14" s="61">
        <v>4.3852209999999996</v>
      </c>
      <c r="Q14" s="61">
        <v>0</v>
      </c>
      <c r="R14" s="61">
        <v>13.068739000000001</v>
      </c>
      <c r="S14" s="60">
        <v>0.8700730805014929</v>
      </c>
    </row>
    <row r="15" spans="2:21" s="15" customFormat="1" ht="30" customHeight="1">
      <c r="B15" s="36">
        <v>9</v>
      </c>
      <c r="C15" s="62" t="s">
        <v>948</v>
      </c>
      <c r="D15" s="61">
        <v>0</v>
      </c>
      <c r="E15" s="61">
        <v>0</v>
      </c>
      <c r="F15" s="61">
        <v>0</v>
      </c>
      <c r="G15" s="61">
        <v>0</v>
      </c>
      <c r="H15" s="61">
        <v>0</v>
      </c>
      <c r="I15" s="61">
        <v>0</v>
      </c>
      <c r="J15" s="61">
        <v>0</v>
      </c>
      <c r="K15" s="61">
        <v>0</v>
      </c>
      <c r="L15" s="61">
        <v>0</v>
      </c>
      <c r="M15" s="61">
        <v>0</v>
      </c>
      <c r="N15" s="61">
        <v>0</v>
      </c>
      <c r="O15" s="61">
        <v>0</v>
      </c>
      <c r="P15" s="61">
        <v>0</v>
      </c>
      <c r="Q15" s="61">
        <v>0</v>
      </c>
      <c r="R15" s="61">
        <v>0</v>
      </c>
      <c r="S15" s="60">
        <v>0</v>
      </c>
    </row>
    <row r="16" spans="2:21" s="15" customFormat="1" ht="30" customHeight="1" thickBot="1">
      <c r="B16" s="59">
        <v>10</v>
      </c>
      <c r="C16" s="58" t="s">
        <v>947</v>
      </c>
      <c r="D16" s="56">
        <v>18.110233999999998</v>
      </c>
      <c r="E16" s="56">
        <v>9.2374729999999996</v>
      </c>
      <c r="F16" s="56">
        <v>6.5015080000000003</v>
      </c>
      <c r="G16" s="56">
        <v>2.112384</v>
      </c>
      <c r="H16" s="56">
        <v>0.25886900000000002</v>
      </c>
      <c r="I16" s="56">
        <v>0</v>
      </c>
      <c r="J16" s="56">
        <v>0</v>
      </c>
      <c r="K16" s="57"/>
      <c r="L16" s="57"/>
      <c r="M16" s="57"/>
      <c r="N16" s="57"/>
      <c r="O16" s="57"/>
      <c r="P16" s="57"/>
      <c r="Q16" s="57"/>
      <c r="R16" s="56">
        <v>0</v>
      </c>
      <c r="S16" s="55">
        <v>0</v>
      </c>
    </row>
  </sheetData>
  <mergeCells count="4">
    <mergeCell ref="D4:S4"/>
    <mergeCell ref="E5:J5"/>
    <mergeCell ref="K5:Q5"/>
    <mergeCell ref="R5:S5"/>
  </mergeCells>
  <hyperlinks>
    <hyperlink ref="U1" location="Índice!A1" display="Voltar ao Índice" xr:uid="{00000000-0004-0000-2E00-000000000000}"/>
  </hyperlinks>
  <pageMargins left="0.70866141732283472" right="0.70866141732283472" top="0.74803149606299213" bottom="0.74803149606299213" header="0.31496062992125984" footer="0.31496062992125984"/>
  <pageSetup paperSize="9" scale="48" orientation="landscape" r:id="rId1"/>
  <headerFooter>
    <oddFooter>&amp;C1</oddFooter>
  </headerFooter>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F00-000000000000}">
  <sheetPr>
    <tabColor rgb="FFFF0000"/>
  </sheetPr>
  <dimension ref="A1:I7"/>
  <sheetViews>
    <sheetView showGridLines="0" zoomScaleNormal="100" workbookViewId="0"/>
  </sheetViews>
  <sheetFormatPr defaultColWidth="9.140625" defaultRowHeight="16.5"/>
  <cols>
    <col min="1" max="1" width="4.7109375" style="13" customWidth="1"/>
    <col min="2" max="2" width="3.5703125" style="254" customWidth="1"/>
    <col min="3" max="7" width="25.7109375" style="254" customWidth="1"/>
    <col min="8" max="8" width="12.7109375" style="254" bestFit="1" customWidth="1"/>
    <col min="9" max="9" width="14.28515625" style="254" bestFit="1" customWidth="1"/>
    <col min="10" max="16384" width="9.140625" style="254"/>
  </cols>
  <sheetData>
    <row r="1" spans="2:9" ht="49.5" customHeight="1">
      <c r="C1" s="983" t="s">
        <v>978</v>
      </c>
      <c r="D1" s="983"/>
      <c r="E1" s="983"/>
      <c r="F1" s="983"/>
      <c r="G1" s="983"/>
      <c r="I1" s="53" t="s">
        <v>945</v>
      </c>
    </row>
    <row r="2" spans="2:9">
      <c r="C2" s="131"/>
    </row>
    <row r="3" spans="2:9" ht="17.25" thickBot="1">
      <c r="B3" s="255"/>
      <c r="C3" s="255" t="s">
        <v>4</v>
      </c>
      <c r="D3" s="255" t="s">
        <v>5</v>
      </c>
      <c r="E3" s="255" t="s">
        <v>6</v>
      </c>
      <c r="F3" s="256" t="s">
        <v>41</v>
      </c>
      <c r="G3" s="255" t="s">
        <v>42</v>
      </c>
    </row>
    <row r="4" spans="2:9" ht="82.5">
      <c r="B4" s="258"/>
      <c r="C4" s="258" t="s">
        <v>977</v>
      </c>
      <c r="D4" s="258" t="s">
        <v>976</v>
      </c>
      <c r="E4" s="258" t="s">
        <v>975</v>
      </c>
      <c r="F4" s="259" t="s">
        <v>974</v>
      </c>
      <c r="G4" s="258" t="s">
        <v>973</v>
      </c>
    </row>
    <row r="5" spans="2:9" ht="15" customHeight="1" thickBot="1">
      <c r="B5" s="74">
        <v>1</v>
      </c>
      <c r="C5" s="260">
        <v>50.485987999999999</v>
      </c>
      <c r="D5" s="261">
        <v>9.4082031484297589E-4</v>
      </c>
      <c r="E5" s="260">
        <v>0.37926500000000002</v>
      </c>
      <c r="F5" s="260">
        <v>10.273798702325088</v>
      </c>
      <c r="G5" s="260">
        <v>1</v>
      </c>
    </row>
    <row r="6" spans="2:9" ht="15" customHeight="1">
      <c r="F6" s="238"/>
    </row>
    <row r="7" spans="2:9">
      <c r="C7" s="254" t="s">
        <v>972</v>
      </c>
    </row>
  </sheetData>
  <mergeCells count="1">
    <mergeCell ref="C1:G1"/>
  </mergeCells>
  <hyperlinks>
    <hyperlink ref="I1" location="Índice!A1" display="Voltar ao Índice" xr:uid="{00000000-0004-0000-2F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3000-000000000000}">
  <sheetPr>
    <tabColor rgb="FFFF0000"/>
  </sheetPr>
  <dimension ref="A1:S23"/>
  <sheetViews>
    <sheetView showGridLines="0" zoomScaleNormal="100" workbookViewId="0">
      <selection activeCell="S1" sqref="S1"/>
    </sheetView>
  </sheetViews>
  <sheetFormatPr defaultColWidth="8.85546875" defaultRowHeight="16.5"/>
  <cols>
    <col min="1" max="1" width="4.7109375" style="54" customWidth="1"/>
    <col min="2" max="2" width="3" style="257" bestFit="1" customWidth="1"/>
    <col min="3" max="3" width="68.42578125" style="257" customWidth="1"/>
    <col min="4" max="17" width="12.7109375" style="257" customWidth="1"/>
    <col min="18" max="18" width="8.85546875" style="257"/>
    <col min="19" max="19" width="14.28515625" style="257" bestFit="1" customWidth="1"/>
    <col min="20" max="16384" width="8.85546875" style="257"/>
  </cols>
  <sheetData>
    <row r="1" spans="2:19" ht="19.5">
      <c r="C1" s="10" t="s">
        <v>990</v>
      </c>
      <c r="S1" s="53" t="s">
        <v>945</v>
      </c>
    </row>
    <row r="2" spans="2:19">
      <c r="C2" s="131" t="s">
        <v>944</v>
      </c>
    </row>
    <row r="4" spans="2:19" s="87" customFormat="1" ht="17.25" thickBot="1">
      <c r="C4" s="89" t="s">
        <v>4</v>
      </c>
      <c r="D4" s="90" t="s">
        <v>5</v>
      </c>
      <c r="E4" s="89" t="s">
        <v>6</v>
      </c>
      <c r="F4" s="89" t="s">
        <v>41</v>
      </c>
      <c r="G4" s="89" t="s">
        <v>42</v>
      </c>
      <c r="H4" s="89" t="s">
        <v>94</v>
      </c>
      <c r="I4" s="89" t="s">
        <v>95</v>
      </c>
      <c r="J4" s="89" t="s">
        <v>96</v>
      </c>
      <c r="K4" s="89" t="s">
        <v>218</v>
      </c>
      <c r="L4" s="89" t="s">
        <v>219</v>
      </c>
      <c r="M4" s="89" t="s">
        <v>220</v>
      </c>
      <c r="N4" s="88" t="s">
        <v>221</v>
      </c>
      <c r="O4" s="88" t="s">
        <v>222</v>
      </c>
      <c r="P4" s="88" t="s">
        <v>442</v>
      </c>
      <c r="Q4" s="88" t="s">
        <v>989</v>
      </c>
    </row>
    <row r="5" spans="2:19" s="15" customFormat="1" ht="15" customHeight="1">
      <c r="B5" s="86"/>
      <c r="C5" s="981" t="s">
        <v>988</v>
      </c>
      <c r="D5" s="985" t="s">
        <v>917</v>
      </c>
      <c r="E5" s="985"/>
      <c r="F5" s="985"/>
      <c r="G5" s="985"/>
      <c r="H5" s="985"/>
      <c r="I5" s="985"/>
      <c r="J5" s="985"/>
      <c r="K5" s="985"/>
      <c r="L5" s="985"/>
      <c r="M5" s="985"/>
      <c r="N5" s="985"/>
      <c r="O5" s="985"/>
      <c r="P5" s="985"/>
      <c r="Q5" s="985"/>
    </row>
    <row r="6" spans="2:19" s="15" customFormat="1" ht="26.25" customHeight="1">
      <c r="C6" s="982"/>
      <c r="D6" s="85"/>
      <c r="E6" s="982" t="s">
        <v>987</v>
      </c>
      <c r="F6" s="982"/>
      <c r="G6" s="982"/>
      <c r="H6" s="982"/>
      <c r="I6" s="982"/>
      <c r="J6" s="982"/>
      <c r="K6" s="982"/>
      <c r="L6" s="982"/>
      <c r="M6" s="982"/>
      <c r="N6" s="982"/>
      <c r="O6" s="982"/>
      <c r="P6" s="982"/>
      <c r="Q6" s="982"/>
    </row>
    <row r="7" spans="2:19" s="15" customFormat="1" ht="52.5" customHeight="1">
      <c r="C7" s="982"/>
      <c r="D7" s="85"/>
      <c r="E7" s="982" t="s">
        <v>986</v>
      </c>
      <c r="F7" s="982"/>
      <c r="G7" s="982"/>
      <c r="H7" s="982"/>
      <c r="I7" s="982"/>
      <c r="J7" s="986" t="s">
        <v>985</v>
      </c>
      <c r="K7" s="986" t="s">
        <v>984</v>
      </c>
      <c r="L7" s="986" t="s">
        <v>983</v>
      </c>
      <c r="M7" s="982" t="s">
        <v>906</v>
      </c>
      <c r="N7" s="982" t="s">
        <v>905</v>
      </c>
      <c r="O7" s="986" t="s">
        <v>982</v>
      </c>
      <c r="P7" s="986"/>
      <c r="Q7" s="986"/>
    </row>
    <row r="8" spans="2:19" s="15" customFormat="1" ht="97.5" customHeight="1">
      <c r="B8" s="82"/>
      <c r="C8" s="984"/>
      <c r="D8" s="84"/>
      <c r="E8" s="83" t="s">
        <v>913</v>
      </c>
      <c r="F8" s="83" t="s">
        <v>912</v>
      </c>
      <c r="G8" s="83" t="s">
        <v>911</v>
      </c>
      <c r="H8" s="83" t="s">
        <v>910</v>
      </c>
      <c r="I8" s="41" t="s">
        <v>909</v>
      </c>
      <c r="J8" s="987"/>
      <c r="K8" s="987"/>
      <c r="L8" s="987"/>
      <c r="M8" s="984"/>
      <c r="N8" s="984"/>
      <c r="O8" s="82"/>
      <c r="P8" s="81" t="s">
        <v>906</v>
      </c>
      <c r="Q8" s="81" t="s">
        <v>905</v>
      </c>
    </row>
    <row r="9" spans="2:19" s="15" customFormat="1" ht="20.100000000000001" customHeight="1">
      <c r="B9" s="80">
        <v>1</v>
      </c>
      <c r="C9" s="80" t="s">
        <v>942</v>
      </c>
      <c r="D9" s="79">
        <v>348.64756399999999</v>
      </c>
      <c r="E9" s="79">
        <v>149.80666500000001</v>
      </c>
      <c r="F9" s="79">
        <v>58.179476999999999</v>
      </c>
      <c r="G9" s="79">
        <v>57.524262</v>
      </c>
      <c r="H9" s="79">
        <v>0</v>
      </c>
      <c r="I9" s="79">
        <v>8</v>
      </c>
      <c r="J9" s="79">
        <v>258.786113</v>
      </c>
      <c r="K9" s="79">
        <v>9.2313000000000006E-2</v>
      </c>
      <c r="L9" s="79">
        <v>6.6319780000000002</v>
      </c>
      <c r="M9" s="79">
        <v>33.917143000000003</v>
      </c>
      <c r="N9" s="79">
        <v>23.318394000000001</v>
      </c>
      <c r="O9" s="79">
        <v>-5.3457119999999998</v>
      </c>
      <c r="P9" s="79">
        <v>-1.714154</v>
      </c>
      <c r="Q9" s="79">
        <v>-3.216342</v>
      </c>
    </row>
    <row r="10" spans="2:19" s="15" customFormat="1" ht="20.100000000000001" customHeight="1">
      <c r="B10" s="78">
        <v>2</v>
      </c>
      <c r="C10" s="78" t="s">
        <v>941</v>
      </c>
      <c r="D10" s="77">
        <v>14.118759000000001</v>
      </c>
      <c r="E10" s="77">
        <v>0.101845</v>
      </c>
      <c r="F10" s="77">
        <v>0</v>
      </c>
      <c r="G10" s="77">
        <v>0</v>
      </c>
      <c r="H10" s="77">
        <v>0</v>
      </c>
      <c r="I10" s="77">
        <v>0</v>
      </c>
      <c r="J10" s="77">
        <v>0.101845</v>
      </c>
      <c r="K10" s="77">
        <v>0</v>
      </c>
      <c r="L10" s="77">
        <v>0</v>
      </c>
      <c r="M10" s="77">
        <v>0</v>
      </c>
      <c r="N10" s="77">
        <v>0</v>
      </c>
      <c r="O10" s="77">
        <v>-4.0000000000000003E-5</v>
      </c>
      <c r="P10" s="77">
        <v>0</v>
      </c>
      <c r="Q10" s="77">
        <v>0</v>
      </c>
    </row>
    <row r="11" spans="2:19" s="15" customFormat="1" ht="20.100000000000001" customHeight="1">
      <c r="B11" s="78">
        <v>3</v>
      </c>
      <c r="C11" s="78" t="s">
        <v>935</v>
      </c>
      <c r="D11" s="77">
        <v>2311.6609579999999</v>
      </c>
      <c r="E11" s="77">
        <v>539.94829100000004</v>
      </c>
      <c r="F11" s="77">
        <v>40.366383999999996</v>
      </c>
      <c r="G11" s="77">
        <v>9.8479460000000003</v>
      </c>
      <c r="H11" s="77">
        <v>0</v>
      </c>
      <c r="I11" s="77">
        <v>4</v>
      </c>
      <c r="J11" s="77">
        <v>582.04170699999997</v>
      </c>
      <c r="K11" s="77">
        <v>3.4540289999999998</v>
      </c>
      <c r="L11" s="77">
        <v>4.6668849999999997</v>
      </c>
      <c r="M11" s="77">
        <v>68.181223000000003</v>
      </c>
      <c r="N11" s="77">
        <v>30.039556999999999</v>
      </c>
      <c r="O11" s="77">
        <v>-26.440301000000002</v>
      </c>
      <c r="P11" s="77">
        <v>-3.833148</v>
      </c>
      <c r="Q11" s="77">
        <v>-21.186862000000001</v>
      </c>
    </row>
    <row r="12" spans="2:19" s="15" customFormat="1" ht="20.100000000000001" customHeight="1">
      <c r="B12" s="78">
        <v>4</v>
      </c>
      <c r="C12" s="78" t="s">
        <v>895</v>
      </c>
      <c r="D12" s="77">
        <v>736.90288399999997</v>
      </c>
      <c r="E12" s="77">
        <v>183.41411600000001</v>
      </c>
      <c r="F12" s="77">
        <v>144.06870000000001</v>
      </c>
      <c r="G12" s="77">
        <v>1.000556</v>
      </c>
      <c r="H12" s="77">
        <v>0</v>
      </c>
      <c r="I12" s="77">
        <v>5</v>
      </c>
      <c r="J12" s="77">
        <v>283.19171999999998</v>
      </c>
      <c r="K12" s="77">
        <v>45.291648000000002</v>
      </c>
      <c r="L12" s="77">
        <v>3.9999999999999998E-6</v>
      </c>
      <c r="M12" s="77">
        <v>0.249836</v>
      </c>
      <c r="N12" s="77">
        <v>4.8650000000000004E-3</v>
      </c>
      <c r="O12" s="77">
        <v>-0.22139900000000001</v>
      </c>
      <c r="P12" s="77">
        <v>-3.6017E-2</v>
      </c>
      <c r="Q12" s="77">
        <v>-4.0670000000000003E-3</v>
      </c>
    </row>
    <row r="13" spans="2:19" s="15" customFormat="1" ht="20.100000000000001" customHeight="1">
      <c r="B13" s="78">
        <v>5</v>
      </c>
      <c r="C13" s="78" t="s">
        <v>890</v>
      </c>
      <c r="D13" s="77">
        <v>88.021192999999997</v>
      </c>
      <c r="E13" s="77">
        <v>0</v>
      </c>
      <c r="F13" s="77">
        <v>0</v>
      </c>
      <c r="G13" s="77">
        <v>0</v>
      </c>
      <c r="H13" s="77">
        <v>0</v>
      </c>
      <c r="I13" s="77">
        <v>0</v>
      </c>
      <c r="J13" s="77">
        <v>0</v>
      </c>
      <c r="K13" s="77">
        <v>0</v>
      </c>
      <c r="L13" s="77">
        <v>0</v>
      </c>
      <c r="M13" s="77">
        <v>0</v>
      </c>
      <c r="N13" s="77">
        <v>0</v>
      </c>
      <c r="O13" s="77">
        <v>0</v>
      </c>
      <c r="P13" s="77">
        <v>0</v>
      </c>
      <c r="Q13" s="77">
        <v>0</v>
      </c>
    </row>
    <row r="14" spans="2:19" s="15" customFormat="1" ht="20.100000000000001" customHeight="1">
      <c r="B14" s="78">
        <v>6</v>
      </c>
      <c r="C14" s="78" t="s">
        <v>889</v>
      </c>
      <c r="D14" s="77">
        <v>1052.8690079999999</v>
      </c>
      <c r="E14" s="77">
        <v>93.844066999999995</v>
      </c>
      <c r="F14" s="77">
        <v>4.6544910000000002</v>
      </c>
      <c r="G14" s="77">
        <v>0.89126399999999995</v>
      </c>
      <c r="H14" s="77">
        <v>0</v>
      </c>
      <c r="I14" s="77">
        <v>3</v>
      </c>
      <c r="J14" s="77">
        <v>79.540998000000002</v>
      </c>
      <c r="K14" s="77">
        <v>2.272932</v>
      </c>
      <c r="L14" s="77">
        <v>17.575892</v>
      </c>
      <c r="M14" s="77">
        <v>8.2218389999999992</v>
      </c>
      <c r="N14" s="77">
        <v>3.2904719999999998</v>
      </c>
      <c r="O14" s="77">
        <v>-2.9700280000000001</v>
      </c>
      <c r="P14" s="77">
        <v>-0.56925400000000004</v>
      </c>
      <c r="Q14" s="77">
        <v>-2.1238350000000001</v>
      </c>
    </row>
    <row r="15" spans="2:19" s="15" customFormat="1" ht="20.100000000000001" customHeight="1">
      <c r="B15" s="78">
        <v>7</v>
      </c>
      <c r="C15" s="78" t="s">
        <v>885</v>
      </c>
      <c r="D15" s="77">
        <v>1979.4220769999999</v>
      </c>
      <c r="E15" s="77">
        <v>62.241401000000003</v>
      </c>
      <c r="F15" s="77">
        <v>10.681082999999999</v>
      </c>
      <c r="G15" s="77">
        <v>2.8326340000000001</v>
      </c>
      <c r="H15" s="77">
        <v>0</v>
      </c>
      <c r="I15" s="77">
        <v>5</v>
      </c>
      <c r="J15" s="77">
        <v>75.755117999999996</v>
      </c>
      <c r="K15" s="77">
        <v>0</v>
      </c>
      <c r="L15" s="77">
        <v>0</v>
      </c>
      <c r="M15" s="77">
        <v>14.954793</v>
      </c>
      <c r="N15" s="77">
        <v>2.3284980000000002</v>
      </c>
      <c r="O15" s="77">
        <v>-2.7044290000000002</v>
      </c>
      <c r="P15" s="77">
        <v>-0.68344300000000002</v>
      </c>
      <c r="Q15" s="77">
        <v>-1.768777</v>
      </c>
    </row>
    <row r="16" spans="2:19" s="15" customFormat="1" ht="20.100000000000001" customHeight="1">
      <c r="B16" s="78">
        <v>8</v>
      </c>
      <c r="C16" s="78" t="s">
        <v>884</v>
      </c>
      <c r="D16" s="77">
        <v>781.08571700000005</v>
      </c>
      <c r="E16" s="77">
        <v>0.220059</v>
      </c>
      <c r="F16" s="77">
        <v>1.0444999999999999E-2</v>
      </c>
      <c r="G16" s="77">
        <v>0</v>
      </c>
      <c r="H16" s="77">
        <v>0</v>
      </c>
      <c r="I16" s="77">
        <v>3</v>
      </c>
      <c r="J16" s="77">
        <v>0</v>
      </c>
      <c r="K16" s="77">
        <v>0.23050399999999999</v>
      </c>
      <c r="L16" s="77">
        <v>0</v>
      </c>
      <c r="M16" s="77">
        <v>2.1573999999999999E-2</v>
      </c>
      <c r="N16" s="77">
        <v>0</v>
      </c>
      <c r="O16" s="77">
        <v>-1.438E-3</v>
      </c>
      <c r="P16" s="77">
        <v>-4.3000000000000002E-5</v>
      </c>
      <c r="Q16" s="77">
        <v>0</v>
      </c>
    </row>
    <row r="17" spans="2:17" s="15" customFormat="1" ht="20.100000000000001" customHeight="1">
      <c r="B17" s="78">
        <v>9</v>
      </c>
      <c r="C17" s="78" t="s">
        <v>877</v>
      </c>
      <c r="D17" s="77">
        <v>1171.2310930000001</v>
      </c>
      <c r="E17" s="77">
        <v>0</v>
      </c>
      <c r="F17" s="77">
        <v>0</v>
      </c>
      <c r="G17" s="77">
        <v>0</v>
      </c>
      <c r="H17" s="77">
        <v>0</v>
      </c>
      <c r="I17" s="77">
        <v>0</v>
      </c>
      <c r="J17" s="77">
        <v>0</v>
      </c>
      <c r="K17" s="77">
        <v>0</v>
      </c>
      <c r="L17" s="77">
        <v>0</v>
      </c>
      <c r="M17" s="77">
        <v>0</v>
      </c>
      <c r="N17" s="77">
        <v>0</v>
      </c>
      <c r="O17" s="77">
        <v>0</v>
      </c>
      <c r="P17" s="77">
        <v>0</v>
      </c>
      <c r="Q17" s="77">
        <v>0</v>
      </c>
    </row>
    <row r="18" spans="2:17" s="15" customFormat="1" ht="20.100000000000001" customHeight="1">
      <c r="B18" s="78">
        <v>10</v>
      </c>
      <c r="C18" s="78" t="s">
        <v>981</v>
      </c>
      <c r="D18" s="77">
        <v>25122.572410000001</v>
      </c>
      <c r="E18" s="77">
        <v>6.8828170000000002</v>
      </c>
      <c r="F18" s="77">
        <v>3.943254</v>
      </c>
      <c r="G18" s="77">
        <v>0.610653</v>
      </c>
      <c r="H18" s="77">
        <v>0</v>
      </c>
      <c r="I18" s="77">
        <v>5</v>
      </c>
      <c r="J18" s="77">
        <v>9.6743299999999994</v>
      </c>
      <c r="K18" s="77">
        <v>1.057528</v>
      </c>
      <c r="L18" s="77">
        <v>0.70486599999999999</v>
      </c>
      <c r="M18" s="77">
        <v>2.1955900000000002</v>
      </c>
      <c r="N18" s="77">
        <v>1.036483</v>
      </c>
      <c r="O18" s="77">
        <v>-0.71815099999999998</v>
      </c>
      <c r="P18" s="77">
        <v>-0.10735500000000001</v>
      </c>
      <c r="Q18" s="77">
        <v>-0.59214299999999997</v>
      </c>
    </row>
    <row r="19" spans="2:17" s="15" customFormat="1" ht="20.100000000000001" customHeight="1">
      <c r="B19" s="78">
        <v>11</v>
      </c>
      <c r="C19" s="78" t="s">
        <v>980</v>
      </c>
      <c r="D19" s="77">
        <v>2590.5608160000002</v>
      </c>
      <c r="E19" s="77">
        <v>58.640861000000001</v>
      </c>
      <c r="F19" s="77">
        <v>57.274287000000001</v>
      </c>
      <c r="G19" s="77">
        <v>61.176572999999998</v>
      </c>
      <c r="H19" s="77">
        <v>0</v>
      </c>
      <c r="I19" s="77">
        <v>9</v>
      </c>
      <c r="J19" s="77">
        <v>173.11117300000001</v>
      </c>
      <c r="K19" s="77">
        <v>2.8324880000000001</v>
      </c>
      <c r="L19" s="77">
        <v>1.1480600000000001</v>
      </c>
      <c r="M19" s="77">
        <v>22.56223</v>
      </c>
      <c r="N19" s="77">
        <v>21.680564</v>
      </c>
      <c r="O19" s="77">
        <v>-3.9250850000000002</v>
      </c>
      <c r="P19" s="77">
        <v>-1.315623</v>
      </c>
      <c r="Q19" s="77">
        <v>-2.4436149999999999</v>
      </c>
    </row>
    <row r="20" spans="2:17" s="15" customFormat="1" ht="20.100000000000001" customHeight="1">
      <c r="B20" s="78">
        <v>12</v>
      </c>
      <c r="C20" s="78" t="s">
        <v>979</v>
      </c>
      <c r="D20" s="77">
        <v>43.742145000000001</v>
      </c>
      <c r="E20" s="77">
        <v>0</v>
      </c>
      <c r="F20" s="77">
        <v>0</v>
      </c>
      <c r="G20" s="77">
        <v>0</v>
      </c>
      <c r="H20" s="77">
        <v>0</v>
      </c>
      <c r="I20" s="77">
        <v>0</v>
      </c>
      <c r="J20" s="77">
        <v>0</v>
      </c>
      <c r="K20" s="77">
        <v>0</v>
      </c>
      <c r="L20" s="77">
        <v>0</v>
      </c>
      <c r="M20" s="77">
        <v>0</v>
      </c>
      <c r="N20" s="77">
        <v>0</v>
      </c>
      <c r="O20" s="77">
        <v>0</v>
      </c>
      <c r="P20" s="77">
        <v>0</v>
      </c>
      <c r="Q20" s="77">
        <v>0</v>
      </c>
    </row>
    <row r="21" spans="2:17" s="15" customFormat="1" ht="20.100000000000001" customHeight="1">
      <c r="B21" s="78">
        <v>13</v>
      </c>
      <c r="C21" s="78" t="s">
        <v>1085</v>
      </c>
      <c r="D21" s="77">
        <v>1063.28675</v>
      </c>
      <c r="E21" s="77">
        <v>0</v>
      </c>
      <c r="F21" s="77">
        <v>0</v>
      </c>
      <c r="G21" s="77">
        <v>0</v>
      </c>
      <c r="H21" s="77">
        <v>0</v>
      </c>
      <c r="I21" s="77">
        <v>0</v>
      </c>
      <c r="J21" s="77">
        <v>0</v>
      </c>
      <c r="K21" s="77">
        <v>0</v>
      </c>
      <c r="L21" s="77">
        <v>0</v>
      </c>
      <c r="M21" s="77">
        <v>0</v>
      </c>
      <c r="N21" s="77">
        <v>0</v>
      </c>
      <c r="O21" s="77">
        <v>0</v>
      </c>
      <c r="P21" s="77">
        <v>0</v>
      </c>
      <c r="Q21" s="77">
        <v>0</v>
      </c>
    </row>
    <row r="22" spans="2:17" s="15" customFormat="1" ht="20.100000000000001" customHeight="1">
      <c r="B22" s="78">
        <v>13</v>
      </c>
      <c r="C22" s="78" t="s">
        <v>1086</v>
      </c>
      <c r="D22" s="77">
        <v>3.4606180000000002</v>
      </c>
      <c r="E22" s="77">
        <v>0</v>
      </c>
      <c r="F22" s="77">
        <v>0</v>
      </c>
      <c r="G22" s="77">
        <v>0</v>
      </c>
      <c r="H22" s="77">
        <v>0</v>
      </c>
      <c r="I22" s="77">
        <v>0</v>
      </c>
      <c r="J22" s="77">
        <v>0</v>
      </c>
      <c r="K22" s="77">
        <v>0</v>
      </c>
      <c r="L22" s="77">
        <v>0</v>
      </c>
      <c r="M22" s="77">
        <v>0</v>
      </c>
      <c r="N22" s="77">
        <v>0</v>
      </c>
      <c r="O22" s="77">
        <v>0</v>
      </c>
      <c r="P22" s="77">
        <v>0</v>
      </c>
      <c r="Q22" s="77">
        <v>0</v>
      </c>
    </row>
    <row r="23" spans="2:17" s="15" customFormat="1" ht="20.100000000000001" customHeight="1" thickBot="1">
      <c r="B23" s="76">
        <v>13</v>
      </c>
      <c r="C23" s="76" t="s">
        <v>1087</v>
      </c>
      <c r="D23" s="75">
        <v>2988.610181</v>
      </c>
      <c r="E23" s="75">
        <v>0</v>
      </c>
      <c r="F23" s="75">
        <v>0</v>
      </c>
      <c r="G23" s="75">
        <v>0</v>
      </c>
      <c r="H23" s="75">
        <v>0</v>
      </c>
      <c r="I23" s="75">
        <v>0</v>
      </c>
      <c r="J23" s="75">
        <v>0</v>
      </c>
      <c r="K23" s="75">
        <v>0</v>
      </c>
      <c r="L23" s="75">
        <v>0</v>
      </c>
      <c r="M23" s="75">
        <v>0</v>
      </c>
      <c r="N23" s="75">
        <v>0</v>
      </c>
      <c r="O23" s="75">
        <v>0</v>
      </c>
      <c r="P23" s="75">
        <v>0</v>
      </c>
      <c r="Q23" s="75">
        <v>0</v>
      </c>
    </row>
  </sheetData>
  <mergeCells count="10">
    <mergeCell ref="C5:C8"/>
    <mergeCell ref="D5:Q5"/>
    <mergeCell ref="E6:Q6"/>
    <mergeCell ref="E7:I7"/>
    <mergeCell ref="J7:J8"/>
    <mergeCell ref="K7:K8"/>
    <mergeCell ref="L7:L8"/>
    <mergeCell ref="M7:M8"/>
    <mergeCell ref="N7:N8"/>
    <mergeCell ref="O7:Q7"/>
  </mergeCells>
  <hyperlinks>
    <hyperlink ref="S1" location="Índice!A1" display="Voltar ao Índice" xr:uid="{A2F61312-ED2B-4606-9567-2730E63E913E}"/>
  </hyperlinks>
  <pageMargins left="0.70866141732283472" right="0.70866141732283472" top="0.74803149606299213" bottom="0.74803149606299213" header="0.31496062992125984" footer="0.31496062992125984"/>
  <pageSetup paperSize="9" scale="47" orientation="landscape" r:id="rId1"/>
  <headerFooter>
    <oddFooter>&amp;C1</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B00-000000000000}">
  <sheetPr>
    <tabColor rgb="FFFF0000"/>
  </sheetPr>
  <dimension ref="B1:I22"/>
  <sheetViews>
    <sheetView showGridLines="0" showZeros="0" zoomScaleNormal="100" workbookViewId="0"/>
  </sheetViews>
  <sheetFormatPr defaultColWidth="9.140625" defaultRowHeight="15" customHeight="1"/>
  <cols>
    <col min="1" max="1" width="4.7109375" style="804" customWidth="1"/>
    <col min="2" max="2" width="45.42578125" style="804" customWidth="1"/>
    <col min="3" max="6" width="17.42578125" style="804" customWidth="1"/>
    <col min="7" max="7" width="10.85546875" style="804" customWidth="1"/>
    <col min="8" max="8" width="13.5703125" style="804" customWidth="1"/>
    <col min="9" max="9" width="12.7109375" style="803" customWidth="1"/>
    <col min="10" max="16384" width="9.140625" style="804"/>
  </cols>
  <sheetData>
    <row r="1" spans="2:8" ht="15" customHeight="1">
      <c r="B1" s="869" t="s">
        <v>731</v>
      </c>
      <c r="C1" s="869"/>
      <c r="D1" s="869"/>
      <c r="E1" s="869"/>
      <c r="F1" s="802"/>
      <c r="G1" s="802"/>
      <c r="H1" s="53" t="s">
        <v>945</v>
      </c>
    </row>
    <row r="2" spans="2:8" ht="13.5" customHeight="1">
      <c r="B2" s="131" t="s">
        <v>750</v>
      </c>
      <c r="C2" s="805"/>
      <c r="D2" s="805"/>
      <c r="E2" s="805"/>
      <c r="F2" s="802"/>
      <c r="G2" s="802"/>
    </row>
    <row r="3" spans="2:8" ht="15" customHeight="1">
      <c r="B3" s="806">
        <v>1</v>
      </c>
      <c r="C3" s="807"/>
      <c r="D3" s="807"/>
      <c r="H3" s="188"/>
    </row>
    <row r="4" spans="2:8" ht="20.100000000000001" customHeight="1">
      <c r="C4" s="870" t="s">
        <v>732</v>
      </c>
      <c r="D4" s="870"/>
      <c r="E4" s="870" t="s">
        <v>733</v>
      </c>
      <c r="F4" s="870"/>
      <c r="G4" s="808"/>
      <c r="H4" s="54"/>
    </row>
    <row r="5" spans="2:8" s="54" customFormat="1" ht="20.100000000000001" customHeight="1">
      <c r="C5" s="809" t="s">
        <v>1186</v>
      </c>
      <c r="D5" s="809" t="s">
        <v>1187</v>
      </c>
      <c r="E5" s="809" t="s">
        <v>1186</v>
      </c>
      <c r="F5" s="809" t="s">
        <v>1187</v>
      </c>
      <c r="G5" s="810"/>
    </row>
    <row r="6" spans="2:8" s="269" customFormat="1" ht="20.100000000000001" customHeight="1" thickBot="1">
      <c r="B6" s="277" t="s">
        <v>734</v>
      </c>
      <c r="C6" s="277"/>
      <c r="D6" s="277"/>
      <c r="E6" s="277"/>
      <c r="F6" s="277"/>
      <c r="G6" s="810"/>
      <c r="H6" s="54"/>
    </row>
    <row r="7" spans="2:8" ht="20.100000000000001" customHeight="1">
      <c r="B7" s="811" t="s">
        <v>735</v>
      </c>
      <c r="C7" s="812">
        <v>2937172.61919</v>
      </c>
      <c r="D7" s="812">
        <v>3277102.1892781276</v>
      </c>
      <c r="E7" s="812">
        <v>2937172.61919</v>
      </c>
      <c r="F7" s="812">
        <v>3286066.5893800003</v>
      </c>
      <c r="G7" s="813"/>
      <c r="H7" s="814"/>
    </row>
    <row r="8" spans="2:8" ht="20.100000000000001" customHeight="1">
      <c r="B8" s="815" t="s">
        <v>736</v>
      </c>
      <c r="C8" s="816">
        <v>2237172.61919</v>
      </c>
      <c r="D8" s="816">
        <v>2577102.1892781276</v>
      </c>
      <c r="E8" s="816">
        <v>2237172.61919</v>
      </c>
      <c r="F8" s="816">
        <v>2586066.5893800003</v>
      </c>
      <c r="G8" s="813"/>
      <c r="H8" s="814"/>
    </row>
    <row r="9" spans="2:8" ht="20.100000000000001" customHeight="1">
      <c r="B9" s="815" t="s">
        <v>737</v>
      </c>
      <c r="C9" s="816">
        <v>261063.23003000001</v>
      </c>
      <c r="D9" s="816">
        <v>270977.40521451179</v>
      </c>
      <c r="E9" s="816">
        <v>261063.23003000001</v>
      </c>
      <c r="F9" s="816">
        <v>270977.40521</v>
      </c>
      <c r="G9" s="813"/>
      <c r="H9" s="814"/>
    </row>
    <row r="10" spans="2:8" ht="20.100000000000001" customHeight="1">
      <c r="B10" s="817" t="s">
        <v>738</v>
      </c>
      <c r="C10" s="818">
        <v>3198235.8492200002</v>
      </c>
      <c r="D10" s="818">
        <v>3548079.5944926394</v>
      </c>
      <c r="E10" s="818">
        <v>3198235.8492200002</v>
      </c>
      <c r="F10" s="818">
        <v>3557043.9945900002</v>
      </c>
      <c r="G10" s="819"/>
      <c r="H10" s="814"/>
    </row>
    <row r="11" spans="2:8" s="269" customFormat="1" ht="20.100000000000001" customHeight="1" thickBot="1">
      <c r="B11" s="277" t="s">
        <v>567</v>
      </c>
      <c r="C11" s="277">
        <v>0</v>
      </c>
      <c r="D11" s="277">
        <v>0</v>
      </c>
      <c r="E11" s="277">
        <v>0</v>
      </c>
      <c r="F11" s="277">
        <v>0</v>
      </c>
      <c r="G11" s="810"/>
      <c r="H11" s="54"/>
    </row>
    <row r="12" spans="2:8" ht="20.100000000000001" customHeight="1">
      <c r="B12" s="811" t="s">
        <v>739</v>
      </c>
      <c r="C12" s="812">
        <v>12978330.800080772</v>
      </c>
      <c r="D12" s="812">
        <v>13103001.22374812</v>
      </c>
      <c r="E12" s="812">
        <v>12592718.539736675</v>
      </c>
      <c r="F12" s="812">
        <v>13103001.22374812</v>
      </c>
      <c r="G12" s="813"/>
      <c r="H12" s="820"/>
    </row>
    <row r="13" spans="2:8" ht="20.100000000000001" customHeight="1">
      <c r="B13" s="815" t="s">
        <v>740</v>
      </c>
      <c r="C13" s="816">
        <v>2082.7479499999999</v>
      </c>
      <c r="D13" s="816">
        <v>95.313999999999993</v>
      </c>
      <c r="E13" s="816">
        <v>2082.7479499999999</v>
      </c>
      <c r="F13" s="816">
        <v>95.313999999999993</v>
      </c>
      <c r="G13" s="813"/>
      <c r="H13" s="814"/>
    </row>
    <row r="14" spans="2:8" ht="20.100000000000001" customHeight="1">
      <c r="B14" s="815" t="s">
        <v>98</v>
      </c>
      <c r="C14" s="816">
        <v>3083330.08592</v>
      </c>
      <c r="D14" s="816">
        <v>2905982.7483800002</v>
      </c>
      <c r="E14" s="816">
        <v>3083330.08592</v>
      </c>
      <c r="F14" s="816">
        <v>2905982.7483800002</v>
      </c>
      <c r="G14" s="813"/>
      <c r="H14" s="814"/>
    </row>
    <row r="15" spans="2:8" ht="20.100000000000001" customHeight="1">
      <c r="B15" s="815" t="s">
        <v>741</v>
      </c>
      <c r="C15" s="816">
        <v>46506.102810000004</v>
      </c>
      <c r="D15" s="816">
        <v>55421.537549999994</v>
      </c>
      <c r="E15" s="816">
        <v>46506.102810000004</v>
      </c>
      <c r="F15" s="816">
        <v>55421.537549999994</v>
      </c>
      <c r="G15" s="813"/>
      <c r="H15" s="814"/>
    </row>
    <row r="16" spans="2:8" ht="20.100000000000001" customHeight="1">
      <c r="B16" s="821" t="s">
        <v>576</v>
      </c>
      <c r="C16" s="818">
        <v>16110249.736760773</v>
      </c>
      <c r="D16" s="818">
        <v>16064500.823678119</v>
      </c>
      <c r="E16" s="818">
        <v>15724637.476416675</v>
      </c>
      <c r="F16" s="818">
        <v>16064500.823678119</v>
      </c>
      <c r="G16" s="819"/>
      <c r="H16" s="814"/>
    </row>
    <row r="17" spans="2:6" s="269" customFormat="1" ht="20.100000000000001" customHeight="1" thickBot="1">
      <c r="B17" s="277" t="s">
        <v>742</v>
      </c>
      <c r="C17" s="277">
        <v>0</v>
      </c>
      <c r="D17" s="277">
        <v>0</v>
      </c>
      <c r="E17" s="277">
        <v>0</v>
      </c>
      <c r="F17" s="277">
        <v>0</v>
      </c>
    </row>
    <row r="18" spans="2:6" ht="20.100000000000001" customHeight="1">
      <c r="B18" s="811" t="s">
        <v>743</v>
      </c>
      <c r="C18" s="822">
        <v>0.13886641459599247</v>
      </c>
      <c r="D18" s="822">
        <v>0.16042217667166056</v>
      </c>
      <c r="E18" s="822">
        <v>0.1422718089714464</v>
      </c>
      <c r="F18" s="822">
        <v>0.1609802021092552</v>
      </c>
    </row>
    <row r="19" spans="2:6" ht="20.100000000000001" customHeight="1">
      <c r="B19" s="815" t="s">
        <v>744</v>
      </c>
      <c r="C19" s="823">
        <v>0.18231701352759824</v>
      </c>
      <c r="D19" s="823">
        <v>0.20399651537555863</v>
      </c>
      <c r="E19" s="824">
        <v>0.18678793858332698</v>
      </c>
      <c r="F19" s="823">
        <v>0.20455454081315327</v>
      </c>
    </row>
    <row r="20" spans="2:6" ht="20.100000000000001" customHeight="1" thickBot="1">
      <c r="B20" s="825" t="s">
        <v>745</v>
      </c>
      <c r="C20" s="826">
        <v>0.19852180453305979</v>
      </c>
      <c r="D20" s="826">
        <v>0.22086460285544515</v>
      </c>
      <c r="E20" s="826">
        <v>0.20339011656177228</v>
      </c>
      <c r="F20" s="826">
        <v>0.22142262829275897</v>
      </c>
    </row>
    <row r="21" spans="2:6" ht="15" customHeight="1">
      <c r="B21" s="871"/>
      <c r="C21" s="871"/>
      <c r="D21" s="871"/>
      <c r="E21" s="871"/>
      <c r="F21" s="871"/>
    </row>
    <row r="22" spans="2:6" ht="15" customHeight="1">
      <c r="B22" s="872"/>
      <c r="C22" s="872"/>
      <c r="D22" s="872"/>
      <c r="E22" s="872"/>
      <c r="F22" s="872"/>
    </row>
  </sheetData>
  <mergeCells count="5">
    <mergeCell ref="B1:E1"/>
    <mergeCell ref="C4:D4"/>
    <mergeCell ref="E4:F4"/>
    <mergeCell ref="B21:F21"/>
    <mergeCell ref="B22:F22"/>
  </mergeCells>
  <hyperlinks>
    <hyperlink ref="H3" location="Índice!A1" display="Voltar ao Índice" xr:uid="{00000000-0004-0000-2B00-000000000000}"/>
    <hyperlink ref="H1" location="Índice!A1" display="Voltar ao Índice" xr:uid="{00000000-0004-0000-2B00-000001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0000"/>
  </sheetPr>
  <dimension ref="B1:F119"/>
  <sheetViews>
    <sheetView showGridLines="0" zoomScaleNormal="100" zoomScalePageLayoutView="80" workbookViewId="0"/>
  </sheetViews>
  <sheetFormatPr defaultColWidth="9" defaultRowHeight="18.75"/>
  <cols>
    <col min="1" max="1" width="4.7109375" style="9" customWidth="1"/>
    <col min="2" max="2" width="9" style="9"/>
    <col min="3" max="3" width="117.7109375" style="9" customWidth="1"/>
    <col min="4" max="4" width="20.7109375" style="9" customWidth="1"/>
    <col min="5" max="5" width="9" style="9"/>
    <col min="6" max="6" width="13.140625" style="9" bestFit="1" customWidth="1"/>
    <col min="7" max="16384" width="9" style="9"/>
  </cols>
  <sheetData>
    <row r="1" spans="2:6" ht="21.75" customHeight="1">
      <c r="B1" s="8" t="s">
        <v>99</v>
      </c>
      <c r="C1" s="766"/>
      <c r="F1" s="53" t="s">
        <v>945</v>
      </c>
    </row>
    <row r="2" spans="2:6">
      <c r="B2" s="130" t="s">
        <v>750</v>
      </c>
    </row>
    <row r="3" spans="2:6">
      <c r="B3" s="240"/>
      <c r="C3" s="130"/>
    </row>
    <row r="4" spans="2:6" ht="52.5" customHeight="1" thickBot="1">
      <c r="B4" s="49"/>
      <c r="C4" s="49"/>
      <c r="D4" s="767" t="s">
        <v>1124</v>
      </c>
    </row>
    <row r="5" spans="2:6" ht="25.15" customHeight="1">
      <c r="B5" s="873" t="s">
        <v>101</v>
      </c>
      <c r="C5" s="873"/>
      <c r="D5" s="873"/>
    </row>
    <row r="6" spans="2:6" ht="20.25" customHeight="1">
      <c r="B6" s="768">
        <v>1</v>
      </c>
      <c r="C6" s="769" t="s">
        <v>102</v>
      </c>
      <c r="D6" s="770">
        <v>1585169.628</v>
      </c>
    </row>
    <row r="7" spans="2:6" ht="20.25" customHeight="1">
      <c r="B7" s="495">
        <v>2</v>
      </c>
      <c r="C7" s="771" t="s">
        <v>103</v>
      </c>
      <c r="D7" s="772">
        <v>424032.79300000001</v>
      </c>
    </row>
    <row r="8" spans="2:6" ht="20.25" customHeight="1">
      <c r="B8" s="495">
        <v>3</v>
      </c>
      <c r="C8" s="771" t="s">
        <v>104</v>
      </c>
      <c r="D8" s="772">
        <v>454949.50600000005</v>
      </c>
    </row>
    <row r="9" spans="2:6" ht="20.25" customHeight="1">
      <c r="B9" s="495" t="s">
        <v>105</v>
      </c>
      <c r="C9" s="771" t="s">
        <v>106</v>
      </c>
      <c r="D9" s="772">
        <v>0</v>
      </c>
    </row>
    <row r="10" spans="2:6" ht="20.25" customHeight="1">
      <c r="B10" s="495">
        <v>4</v>
      </c>
      <c r="C10" s="771" t="s">
        <v>107</v>
      </c>
      <c r="D10" s="772">
        <v>0</v>
      </c>
    </row>
    <row r="11" spans="2:6" ht="20.25" customHeight="1">
      <c r="B11" s="495">
        <v>5</v>
      </c>
      <c r="C11" s="771" t="s">
        <v>108</v>
      </c>
      <c r="D11" s="772">
        <v>0</v>
      </c>
    </row>
    <row r="12" spans="2:6" ht="20.25" customHeight="1">
      <c r="B12" s="773" t="s">
        <v>109</v>
      </c>
      <c r="C12" s="774" t="s">
        <v>110</v>
      </c>
      <c r="D12" s="775">
        <v>0</v>
      </c>
    </row>
    <row r="13" spans="2:6" ht="20.25" customHeight="1" thickBot="1">
      <c r="B13" s="776">
        <v>6</v>
      </c>
      <c r="C13" s="777" t="s">
        <v>111</v>
      </c>
      <c r="D13" s="778">
        <v>2464151.9270000001</v>
      </c>
    </row>
    <row r="14" spans="2:6" ht="25.15" customHeight="1">
      <c r="B14" s="874" t="s">
        <v>112</v>
      </c>
      <c r="C14" s="874"/>
      <c r="D14" s="874"/>
    </row>
    <row r="15" spans="2:6" s="107" customFormat="1" ht="20.25" customHeight="1">
      <c r="B15" s="768">
        <v>7</v>
      </c>
      <c r="C15" s="779" t="s">
        <v>113</v>
      </c>
      <c r="D15" s="770">
        <v>-6170.8407400000006</v>
      </c>
    </row>
    <row r="16" spans="2:6" s="107" customFormat="1" ht="20.25" customHeight="1">
      <c r="B16" s="495">
        <v>8</v>
      </c>
      <c r="C16" s="780" t="s">
        <v>114</v>
      </c>
      <c r="D16" s="772">
        <v>-1189.2069999999999</v>
      </c>
    </row>
    <row r="17" spans="2:4" s="107" customFormat="1" ht="20.25" customHeight="1">
      <c r="B17" s="495">
        <v>9</v>
      </c>
      <c r="C17" s="780" t="s">
        <v>21</v>
      </c>
      <c r="D17" s="772">
        <v>0</v>
      </c>
    </row>
    <row r="18" spans="2:4" s="107" customFormat="1" ht="25.15" customHeight="1">
      <c r="B18" s="495">
        <v>10</v>
      </c>
      <c r="C18" s="780" t="s">
        <v>115</v>
      </c>
      <c r="D18" s="772">
        <v>0</v>
      </c>
    </row>
    <row r="19" spans="2:4" s="107" customFormat="1" ht="20.25" customHeight="1">
      <c r="B19" s="495">
        <v>11</v>
      </c>
      <c r="C19" s="780" t="s">
        <v>116</v>
      </c>
      <c r="D19" s="772">
        <v>-21075.391</v>
      </c>
    </row>
    <row r="20" spans="2:4" s="107" customFormat="1" ht="20.25" customHeight="1">
      <c r="B20" s="495">
        <v>12</v>
      </c>
      <c r="C20" s="780" t="s">
        <v>117</v>
      </c>
      <c r="D20" s="772">
        <v>0</v>
      </c>
    </row>
    <row r="21" spans="2:4" s="107" customFormat="1" ht="20.25" customHeight="1">
      <c r="B21" s="495">
        <v>13</v>
      </c>
      <c r="C21" s="780" t="s">
        <v>118</v>
      </c>
      <c r="D21" s="772">
        <v>0</v>
      </c>
    </row>
    <row r="22" spans="2:4" s="107" customFormat="1" ht="20.25" customHeight="1">
      <c r="B22" s="495">
        <v>14</v>
      </c>
      <c r="C22" s="780" t="s">
        <v>119</v>
      </c>
      <c r="D22" s="772">
        <v>0</v>
      </c>
    </row>
    <row r="23" spans="2:4" s="107" customFormat="1" ht="20.25" customHeight="1">
      <c r="B23" s="495">
        <v>15</v>
      </c>
      <c r="C23" s="780" t="s">
        <v>120</v>
      </c>
      <c r="D23" s="772">
        <v>-50774.154999999999</v>
      </c>
    </row>
    <row r="24" spans="2:4" s="107" customFormat="1" ht="20.25" customHeight="1">
      <c r="B24" s="495">
        <v>16</v>
      </c>
      <c r="C24" s="780" t="s">
        <v>121</v>
      </c>
      <c r="D24" s="772">
        <v>-19146.966</v>
      </c>
    </row>
    <row r="25" spans="2:4" s="107" customFormat="1" ht="25.15" customHeight="1">
      <c r="B25" s="495">
        <v>17</v>
      </c>
      <c r="C25" s="780" t="s">
        <v>122</v>
      </c>
      <c r="D25" s="772">
        <v>0</v>
      </c>
    </row>
    <row r="26" spans="2:4" s="107" customFormat="1" ht="25.15" customHeight="1">
      <c r="B26" s="495">
        <v>18</v>
      </c>
      <c r="C26" s="780" t="s">
        <v>123</v>
      </c>
      <c r="D26" s="772">
        <v>0</v>
      </c>
    </row>
    <row r="27" spans="2:4" s="107" customFormat="1" ht="25.15" customHeight="1">
      <c r="B27" s="495">
        <v>19</v>
      </c>
      <c r="C27" s="780" t="s">
        <v>124</v>
      </c>
      <c r="D27" s="772">
        <v>0</v>
      </c>
    </row>
    <row r="28" spans="2:4" s="107" customFormat="1" ht="20.25" customHeight="1">
      <c r="B28" s="495">
        <v>20</v>
      </c>
      <c r="C28" s="780" t="s">
        <v>21</v>
      </c>
      <c r="D28" s="772">
        <v>0</v>
      </c>
    </row>
    <row r="29" spans="2:4" s="107" customFormat="1" ht="20.25" customHeight="1">
      <c r="B29" s="495" t="s">
        <v>125</v>
      </c>
      <c r="C29" s="780" t="s">
        <v>126</v>
      </c>
      <c r="D29" s="772">
        <v>-52481.416859999998</v>
      </c>
    </row>
    <row r="30" spans="2:4" s="107" customFormat="1" ht="20.25" customHeight="1">
      <c r="B30" s="495" t="s">
        <v>127</v>
      </c>
      <c r="C30" s="780" t="s">
        <v>128</v>
      </c>
      <c r="D30" s="772">
        <v>0</v>
      </c>
    </row>
    <row r="31" spans="2:4" s="107" customFormat="1" ht="20.25" customHeight="1">
      <c r="B31" s="495" t="s">
        <v>129</v>
      </c>
      <c r="C31" s="454" t="s">
        <v>130</v>
      </c>
      <c r="D31" s="772">
        <v>-52481.416859999998</v>
      </c>
    </row>
    <row r="32" spans="2:4" s="107" customFormat="1" ht="20.25" customHeight="1">
      <c r="B32" s="495" t="s">
        <v>131</v>
      </c>
      <c r="C32" s="780" t="s">
        <v>132</v>
      </c>
      <c r="D32" s="772">
        <v>0</v>
      </c>
    </row>
    <row r="33" spans="2:4" s="107" customFormat="1" ht="25.15" customHeight="1">
      <c r="B33" s="495">
        <v>21</v>
      </c>
      <c r="C33" s="780" t="s">
        <v>791</v>
      </c>
      <c r="D33" s="772">
        <v>0</v>
      </c>
    </row>
    <row r="34" spans="2:4" s="107" customFormat="1" ht="20.25" customHeight="1">
      <c r="B34" s="495">
        <v>22</v>
      </c>
      <c r="C34" s="780" t="s">
        <v>133</v>
      </c>
      <c r="D34" s="772">
        <v>0</v>
      </c>
    </row>
    <row r="35" spans="2:4" s="107" customFormat="1" ht="20.25" customHeight="1">
      <c r="B35" s="495">
        <v>23</v>
      </c>
      <c r="C35" s="780" t="s">
        <v>134</v>
      </c>
      <c r="D35" s="772">
        <v>0</v>
      </c>
    </row>
    <row r="36" spans="2:4" s="107" customFormat="1" ht="20.25" customHeight="1">
      <c r="B36" s="495">
        <v>24</v>
      </c>
      <c r="C36" s="780" t="s">
        <v>21</v>
      </c>
      <c r="D36" s="772">
        <v>0</v>
      </c>
    </row>
    <row r="37" spans="2:4" s="107" customFormat="1" ht="20.25" customHeight="1">
      <c r="B37" s="495">
        <v>25</v>
      </c>
      <c r="C37" s="780" t="s">
        <v>135</v>
      </c>
      <c r="D37" s="772">
        <v>0</v>
      </c>
    </row>
    <row r="38" spans="2:4" s="107" customFormat="1" ht="20.25" customHeight="1">
      <c r="B38" s="495" t="s">
        <v>136</v>
      </c>
      <c r="C38" s="780" t="s">
        <v>137</v>
      </c>
      <c r="D38" s="772">
        <v>0</v>
      </c>
    </row>
    <row r="39" spans="2:4" s="107" customFormat="1" ht="25.15" customHeight="1">
      <c r="B39" s="495" t="s">
        <v>138</v>
      </c>
      <c r="C39" s="780" t="s">
        <v>139</v>
      </c>
      <c r="D39" s="772">
        <v>0</v>
      </c>
    </row>
    <row r="40" spans="2:4" s="107" customFormat="1" ht="20.25" customHeight="1">
      <c r="B40" s="495">
        <v>26</v>
      </c>
      <c r="C40" s="780" t="s">
        <v>21</v>
      </c>
      <c r="D40" s="772">
        <v>0</v>
      </c>
    </row>
    <row r="41" spans="2:4" s="107" customFormat="1" ht="20.25" customHeight="1">
      <c r="B41" s="495">
        <v>27</v>
      </c>
      <c r="C41" s="780" t="s">
        <v>792</v>
      </c>
      <c r="D41" s="772">
        <v>0</v>
      </c>
    </row>
    <row r="42" spans="2:4" s="107" customFormat="1" ht="20.25" customHeight="1">
      <c r="B42" s="773" t="s">
        <v>140</v>
      </c>
      <c r="C42" s="781" t="s">
        <v>747</v>
      </c>
      <c r="D42" s="775">
        <v>-76141.331210000004</v>
      </c>
    </row>
    <row r="43" spans="2:4" s="107" customFormat="1" ht="20.25" customHeight="1">
      <c r="B43" s="782">
        <v>28</v>
      </c>
      <c r="C43" s="783" t="s">
        <v>141</v>
      </c>
      <c r="D43" s="784">
        <v>-226979.30781</v>
      </c>
    </row>
    <row r="44" spans="2:4" s="107" customFormat="1" ht="20.25" customHeight="1" thickBot="1">
      <c r="B44" s="785">
        <v>29</v>
      </c>
      <c r="C44" s="786" t="s">
        <v>44</v>
      </c>
      <c r="D44" s="778">
        <v>2237172.61919</v>
      </c>
    </row>
    <row r="45" spans="2:4" ht="25.15" customHeight="1">
      <c r="B45" s="874" t="s">
        <v>142</v>
      </c>
      <c r="C45" s="874"/>
      <c r="D45" s="874"/>
    </row>
    <row r="46" spans="2:4" s="107" customFormat="1" ht="20.25" customHeight="1">
      <c r="B46" s="768">
        <v>30</v>
      </c>
      <c r="C46" s="779" t="s">
        <v>143</v>
      </c>
      <c r="D46" s="770">
        <v>700000</v>
      </c>
    </row>
    <row r="47" spans="2:4" s="107" customFormat="1" ht="20.25" customHeight="1">
      <c r="B47" s="495">
        <v>31</v>
      </c>
      <c r="C47" s="780" t="s">
        <v>144</v>
      </c>
      <c r="D47" s="772">
        <v>0</v>
      </c>
    </row>
    <row r="48" spans="2:4" s="107" customFormat="1" ht="20.25" customHeight="1">
      <c r="B48" s="495">
        <v>32</v>
      </c>
      <c r="C48" s="780" t="s">
        <v>145</v>
      </c>
      <c r="D48" s="772">
        <v>0</v>
      </c>
    </row>
    <row r="49" spans="2:4" s="107" customFormat="1" ht="20.25" customHeight="1">
      <c r="B49" s="495">
        <v>33</v>
      </c>
      <c r="C49" s="780" t="s">
        <v>146</v>
      </c>
      <c r="D49" s="772">
        <v>0</v>
      </c>
    </row>
    <row r="50" spans="2:4" s="120" customFormat="1" ht="20.25" customHeight="1">
      <c r="B50" s="495" t="s">
        <v>147</v>
      </c>
      <c r="C50" s="780" t="s">
        <v>148</v>
      </c>
      <c r="D50" s="772">
        <v>0</v>
      </c>
    </row>
    <row r="51" spans="2:4" s="120" customFormat="1" ht="20.25" customHeight="1">
      <c r="B51" s="495" t="s">
        <v>149</v>
      </c>
      <c r="C51" s="780" t="s">
        <v>150</v>
      </c>
      <c r="D51" s="772">
        <v>0</v>
      </c>
    </row>
    <row r="52" spans="2:4" s="107" customFormat="1" ht="20.25" customHeight="1">
      <c r="B52" s="495">
        <v>34</v>
      </c>
      <c r="C52" s="780" t="s">
        <v>151</v>
      </c>
      <c r="D52" s="772">
        <v>0</v>
      </c>
    </row>
    <row r="53" spans="2:4" s="107" customFormat="1" ht="20.25" customHeight="1">
      <c r="B53" s="495">
        <v>35</v>
      </c>
      <c r="C53" s="780" t="s">
        <v>152</v>
      </c>
      <c r="D53" s="772">
        <v>0</v>
      </c>
    </row>
    <row r="54" spans="2:4" s="107" customFormat="1" ht="20.25" customHeight="1" thickBot="1">
      <c r="B54" s="499">
        <v>36</v>
      </c>
      <c r="C54" s="787" t="s">
        <v>153</v>
      </c>
      <c r="D54" s="788">
        <v>700000</v>
      </c>
    </row>
    <row r="55" spans="2:4" ht="25.15" customHeight="1">
      <c r="B55" s="873" t="s">
        <v>154</v>
      </c>
      <c r="C55" s="873"/>
      <c r="D55" s="873"/>
    </row>
    <row r="56" spans="2:4" s="107" customFormat="1" ht="20.25" customHeight="1">
      <c r="B56" s="768">
        <v>37</v>
      </c>
      <c r="C56" s="779" t="s">
        <v>155</v>
      </c>
      <c r="D56" s="770">
        <v>0</v>
      </c>
    </row>
    <row r="57" spans="2:4" s="107" customFormat="1" ht="25.15" customHeight="1">
      <c r="B57" s="495">
        <v>38</v>
      </c>
      <c r="C57" s="780" t="s">
        <v>156</v>
      </c>
      <c r="D57" s="772">
        <v>0</v>
      </c>
    </row>
    <row r="58" spans="2:4" s="107" customFormat="1" ht="25.15" customHeight="1">
      <c r="B58" s="495">
        <v>39</v>
      </c>
      <c r="C58" s="780" t="s">
        <v>157</v>
      </c>
      <c r="D58" s="772">
        <v>0</v>
      </c>
    </row>
    <row r="59" spans="2:4" s="107" customFormat="1" ht="25.15" customHeight="1">
      <c r="B59" s="495">
        <v>40</v>
      </c>
      <c r="C59" s="780" t="s">
        <v>158</v>
      </c>
      <c r="D59" s="772">
        <v>0</v>
      </c>
    </row>
    <row r="60" spans="2:4" s="107" customFormat="1" ht="20.25" customHeight="1">
      <c r="B60" s="495">
        <v>41</v>
      </c>
      <c r="C60" s="780" t="s">
        <v>21</v>
      </c>
      <c r="D60" s="772">
        <v>0</v>
      </c>
    </row>
    <row r="61" spans="2:4" s="107" customFormat="1" ht="20.25" customHeight="1">
      <c r="B61" s="495">
        <v>42</v>
      </c>
      <c r="C61" s="780" t="s">
        <v>793</v>
      </c>
      <c r="D61" s="772">
        <v>0</v>
      </c>
    </row>
    <row r="62" spans="2:4" s="107" customFormat="1" ht="20.25" customHeight="1">
      <c r="B62" s="495" t="s">
        <v>859</v>
      </c>
      <c r="C62" s="780" t="s">
        <v>159</v>
      </c>
      <c r="D62" s="772">
        <v>0</v>
      </c>
    </row>
    <row r="63" spans="2:4" s="107" customFormat="1" ht="20.25" customHeight="1">
      <c r="B63" s="495">
        <v>43</v>
      </c>
      <c r="C63" s="780" t="s">
        <v>160</v>
      </c>
      <c r="D63" s="772">
        <v>0</v>
      </c>
    </row>
    <row r="64" spans="2:4" s="107" customFormat="1" ht="20.25" customHeight="1">
      <c r="B64" s="495">
        <v>44</v>
      </c>
      <c r="C64" s="780" t="s">
        <v>161</v>
      </c>
      <c r="D64" s="772">
        <v>700000</v>
      </c>
    </row>
    <row r="65" spans="2:4" s="107" customFormat="1" ht="20.25" customHeight="1" thickBot="1">
      <c r="B65" s="499">
        <v>45</v>
      </c>
      <c r="C65" s="787" t="s">
        <v>162</v>
      </c>
      <c r="D65" s="788">
        <v>2937172.61919</v>
      </c>
    </row>
    <row r="66" spans="2:4" ht="25.15" customHeight="1">
      <c r="B66" s="873" t="s">
        <v>163</v>
      </c>
      <c r="C66" s="873"/>
      <c r="D66" s="873"/>
    </row>
    <row r="67" spans="2:4" s="107" customFormat="1" ht="20.25" customHeight="1">
      <c r="B67" s="768">
        <v>46</v>
      </c>
      <c r="C67" s="779" t="s">
        <v>143</v>
      </c>
      <c r="D67" s="770">
        <v>202495.85496</v>
      </c>
    </row>
    <row r="68" spans="2:4" s="107" customFormat="1" ht="25.15" customHeight="1">
      <c r="B68" s="495">
        <v>47</v>
      </c>
      <c r="C68" s="780" t="s">
        <v>164</v>
      </c>
      <c r="D68" s="772">
        <v>0</v>
      </c>
    </row>
    <row r="69" spans="2:4" s="120" customFormat="1" ht="20.25" customHeight="1">
      <c r="B69" s="495" t="s">
        <v>165</v>
      </c>
      <c r="C69" s="780" t="s">
        <v>166</v>
      </c>
      <c r="D69" s="772">
        <v>0</v>
      </c>
    </row>
    <row r="70" spans="2:4" s="120" customFormat="1" ht="20.25" customHeight="1">
      <c r="B70" s="495" t="s">
        <v>167</v>
      </c>
      <c r="C70" s="780" t="s">
        <v>168</v>
      </c>
      <c r="D70" s="772">
        <v>0</v>
      </c>
    </row>
    <row r="71" spans="2:4" s="107" customFormat="1" ht="25.15" customHeight="1">
      <c r="B71" s="495">
        <v>48</v>
      </c>
      <c r="C71" s="780" t="s">
        <v>169</v>
      </c>
      <c r="D71" s="772">
        <v>0</v>
      </c>
    </row>
    <row r="72" spans="2:4" s="107" customFormat="1" ht="20.25" customHeight="1">
      <c r="B72" s="495">
        <v>49</v>
      </c>
      <c r="C72" s="780" t="s">
        <v>170</v>
      </c>
      <c r="D72" s="772">
        <v>0</v>
      </c>
    </row>
    <row r="73" spans="2:4" s="107" customFormat="1" ht="20.25" customHeight="1">
      <c r="B73" s="495">
        <v>50</v>
      </c>
      <c r="C73" s="780" t="s">
        <v>171</v>
      </c>
      <c r="D73" s="772">
        <v>58567.375070000002</v>
      </c>
    </row>
    <row r="74" spans="2:4" s="107" customFormat="1" ht="20.25" customHeight="1" thickBot="1">
      <c r="B74" s="499">
        <v>51</v>
      </c>
      <c r="C74" s="787" t="s">
        <v>172</v>
      </c>
      <c r="D74" s="788">
        <v>261063.23003000001</v>
      </c>
    </row>
    <row r="75" spans="2:4" ht="25.15" customHeight="1">
      <c r="B75" s="873" t="s">
        <v>173</v>
      </c>
      <c r="C75" s="873"/>
      <c r="D75" s="873"/>
    </row>
    <row r="76" spans="2:4" s="107" customFormat="1" ht="20.25" customHeight="1">
      <c r="B76" s="768">
        <v>52</v>
      </c>
      <c r="C76" s="779" t="s">
        <v>174</v>
      </c>
      <c r="D76" s="770">
        <v>0</v>
      </c>
    </row>
    <row r="77" spans="2:4" s="107" customFormat="1" ht="25.15" customHeight="1">
      <c r="B77" s="495">
        <v>53</v>
      </c>
      <c r="C77" s="780" t="s">
        <v>175</v>
      </c>
      <c r="D77" s="772">
        <v>0</v>
      </c>
    </row>
    <row r="78" spans="2:4" s="107" customFormat="1" ht="25.15" customHeight="1">
      <c r="B78" s="495">
        <v>54</v>
      </c>
      <c r="C78" s="780" t="s">
        <v>176</v>
      </c>
      <c r="D78" s="772">
        <v>0</v>
      </c>
    </row>
    <row r="79" spans="2:4" s="107" customFormat="1" ht="20.25" customHeight="1">
      <c r="B79" s="495" t="s">
        <v>177</v>
      </c>
      <c r="C79" s="780" t="s">
        <v>21</v>
      </c>
      <c r="D79" s="772">
        <v>0</v>
      </c>
    </row>
    <row r="80" spans="2:4" s="107" customFormat="1" ht="25.15" customHeight="1">
      <c r="B80" s="495">
        <v>55</v>
      </c>
      <c r="C80" s="780" t="s">
        <v>178</v>
      </c>
      <c r="D80" s="772">
        <v>0</v>
      </c>
    </row>
    <row r="81" spans="2:4" s="107" customFormat="1" ht="20.25" customHeight="1">
      <c r="B81" s="495">
        <v>56</v>
      </c>
      <c r="C81" s="780" t="s">
        <v>21</v>
      </c>
      <c r="D81" s="772">
        <v>0</v>
      </c>
    </row>
    <row r="82" spans="2:4" s="107" customFormat="1" ht="20.25" customHeight="1">
      <c r="B82" s="495" t="s">
        <v>794</v>
      </c>
      <c r="C82" s="780" t="s">
        <v>179</v>
      </c>
      <c r="D82" s="772">
        <v>0</v>
      </c>
    </row>
    <row r="83" spans="2:4" s="107" customFormat="1" ht="20.25" customHeight="1">
      <c r="B83" s="495" t="s">
        <v>860</v>
      </c>
      <c r="C83" s="780" t="s">
        <v>180</v>
      </c>
      <c r="D83" s="772">
        <v>0</v>
      </c>
    </row>
    <row r="84" spans="2:4" s="107" customFormat="1" ht="20.25" customHeight="1">
      <c r="B84" s="495">
        <v>57</v>
      </c>
      <c r="C84" s="780" t="s">
        <v>181</v>
      </c>
      <c r="D84" s="772">
        <v>0</v>
      </c>
    </row>
    <row r="85" spans="2:4" s="107" customFormat="1" ht="20.25" customHeight="1">
      <c r="B85" s="495">
        <v>58</v>
      </c>
      <c r="C85" s="780" t="s">
        <v>182</v>
      </c>
      <c r="D85" s="772">
        <v>261063.23003000001</v>
      </c>
    </row>
    <row r="86" spans="2:4" s="107" customFormat="1" ht="20.25" customHeight="1">
      <c r="B86" s="495">
        <v>59</v>
      </c>
      <c r="C86" s="780" t="s">
        <v>183</v>
      </c>
      <c r="D86" s="772">
        <v>3198235.8492200002</v>
      </c>
    </row>
    <row r="87" spans="2:4" s="107" customFormat="1" ht="20.25" customHeight="1" thickBot="1">
      <c r="B87" s="499">
        <v>60</v>
      </c>
      <c r="C87" s="787" t="s">
        <v>184</v>
      </c>
      <c r="D87" s="788">
        <v>15724637.478027599</v>
      </c>
    </row>
    <row r="88" spans="2:4" ht="25.15" customHeight="1">
      <c r="B88" s="874" t="s">
        <v>185</v>
      </c>
      <c r="C88" s="874"/>
      <c r="D88" s="874"/>
    </row>
    <row r="89" spans="2:4" s="107" customFormat="1" ht="20.25" customHeight="1">
      <c r="B89" s="789">
        <v>61</v>
      </c>
      <c r="C89" s="790" t="s">
        <v>186</v>
      </c>
      <c r="D89" s="791">
        <v>0.14227181</v>
      </c>
    </row>
    <row r="90" spans="2:4" s="107" customFormat="1" ht="20.25" customHeight="1">
      <c r="B90" s="792">
        <v>62</v>
      </c>
      <c r="C90" s="793" t="s">
        <v>187</v>
      </c>
      <c r="D90" s="794">
        <v>0.18678794000000001</v>
      </c>
    </row>
    <row r="91" spans="2:4" s="107" customFormat="1" ht="20.25" customHeight="1">
      <c r="B91" s="792">
        <v>63</v>
      </c>
      <c r="C91" s="793" t="s">
        <v>188</v>
      </c>
      <c r="D91" s="794">
        <v>0.20339012000000001</v>
      </c>
    </row>
    <row r="92" spans="2:4" s="107" customFormat="1" ht="20.25" customHeight="1">
      <c r="B92" s="792">
        <v>64</v>
      </c>
      <c r="C92" s="793" t="s">
        <v>189</v>
      </c>
      <c r="D92" s="794">
        <v>9.5061999999999994E-2</v>
      </c>
    </row>
    <row r="93" spans="2:4" s="107" customFormat="1" ht="20.25" customHeight="1">
      <c r="B93" s="792">
        <v>65</v>
      </c>
      <c r="C93" s="793" t="s">
        <v>190</v>
      </c>
      <c r="D93" s="794">
        <v>2.4999999999999998E-2</v>
      </c>
    </row>
    <row r="94" spans="2:4" s="107" customFormat="1" ht="20.25" customHeight="1">
      <c r="B94" s="792">
        <v>66</v>
      </c>
      <c r="C94" s="793" t="s">
        <v>191</v>
      </c>
      <c r="D94" s="794">
        <v>4.2200000000000023E-4</v>
      </c>
    </row>
    <row r="95" spans="2:4" s="107" customFormat="1" ht="20.25" customHeight="1">
      <c r="B95" s="792">
        <v>67</v>
      </c>
      <c r="C95" s="793" t="s">
        <v>192</v>
      </c>
      <c r="D95" s="794">
        <v>7.8599999562917154E-3</v>
      </c>
    </row>
    <row r="96" spans="2:4" s="107" customFormat="1" ht="20.25" customHeight="1">
      <c r="B96" s="792" t="s">
        <v>193</v>
      </c>
      <c r="C96" s="793" t="s">
        <v>194</v>
      </c>
      <c r="D96" s="794">
        <v>7.5000000000000006E-3</v>
      </c>
    </row>
    <row r="97" spans="2:4" s="107" customFormat="1" ht="20.25" customHeight="1">
      <c r="B97" s="792" t="s">
        <v>195</v>
      </c>
      <c r="C97" s="793" t="s">
        <v>196</v>
      </c>
      <c r="D97" s="794">
        <v>9.2800000000000035E-3</v>
      </c>
    </row>
    <row r="98" spans="2:4" s="107" customFormat="1" ht="20.25" customHeight="1" thickBot="1">
      <c r="B98" s="795">
        <v>68</v>
      </c>
      <c r="C98" s="796" t="s">
        <v>197</v>
      </c>
      <c r="D98" s="797">
        <v>8.7991809999999768E-2</v>
      </c>
    </row>
    <row r="99" spans="2:4" ht="25.15" customHeight="1">
      <c r="B99" s="874" t="s">
        <v>198</v>
      </c>
      <c r="C99" s="874"/>
      <c r="D99" s="874"/>
    </row>
    <row r="100" spans="2:4" s="107" customFormat="1" ht="20.25" customHeight="1">
      <c r="B100" s="768">
        <v>69</v>
      </c>
      <c r="C100" s="779" t="s">
        <v>21</v>
      </c>
      <c r="D100" s="770"/>
    </row>
    <row r="101" spans="2:4" s="107" customFormat="1" ht="20.25" customHeight="1">
      <c r="B101" s="495">
        <v>70</v>
      </c>
      <c r="C101" s="780" t="s">
        <v>21</v>
      </c>
      <c r="D101" s="772"/>
    </row>
    <row r="102" spans="2:4" s="107" customFormat="1" ht="20.25" customHeight="1" thickBot="1">
      <c r="B102" s="499">
        <v>71</v>
      </c>
      <c r="C102" s="787" t="s">
        <v>21</v>
      </c>
      <c r="D102" s="788"/>
    </row>
    <row r="103" spans="2:4" ht="25.15" customHeight="1">
      <c r="B103" s="873" t="s">
        <v>199</v>
      </c>
      <c r="C103" s="873"/>
      <c r="D103" s="873"/>
    </row>
    <row r="104" spans="2:4" s="107" customFormat="1" ht="25.15" customHeight="1">
      <c r="B104" s="768">
        <v>72</v>
      </c>
      <c r="C104" s="779" t="s">
        <v>795</v>
      </c>
      <c r="D104" s="798">
        <v>0</v>
      </c>
    </row>
    <row r="105" spans="2:4" s="107" customFormat="1" ht="25.15" customHeight="1">
      <c r="B105" s="495">
        <v>73</v>
      </c>
      <c r="C105" s="780" t="s">
        <v>200</v>
      </c>
      <c r="D105" s="772">
        <v>168000</v>
      </c>
    </row>
    <row r="106" spans="2:4" s="107" customFormat="1" ht="20.25" customHeight="1">
      <c r="B106" s="495">
        <v>74</v>
      </c>
      <c r="C106" s="780" t="s">
        <v>21</v>
      </c>
      <c r="D106" s="772">
        <v>0</v>
      </c>
    </row>
    <row r="107" spans="2:4" s="107" customFormat="1" ht="25.15" customHeight="1" thickBot="1">
      <c r="B107" s="499">
        <v>75</v>
      </c>
      <c r="C107" s="787" t="s">
        <v>796</v>
      </c>
      <c r="D107" s="788">
        <v>24453.796999999999</v>
      </c>
    </row>
    <row r="108" spans="2:4" ht="25.15" customHeight="1">
      <c r="B108" s="873" t="s">
        <v>201</v>
      </c>
      <c r="C108" s="873"/>
      <c r="D108" s="873"/>
    </row>
    <row r="109" spans="2:4" s="107" customFormat="1" ht="20.25" customHeight="1">
      <c r="B109" s="768">
        <v>76</v>
      </c>
      <c r="C109" s="779" t="s">
        <v>202</v>
      </c>
      <c r="D109" s="770">
        <v>0</v>
      </c>
    </row>
    <row r="110" spans="2:4" s="107" customFormat="1" ht="20.25" customHeight="1">
      <c r="B110" s="495">
        <v>77</v>
      </c>
      <c r="C110" s="780" t="s">
        <v>203</v>
      </c>
      <c r="D110" s="772">
        <v>26981.810681875006</v>
      </c>
    </row>
    <row r="111" spans="2:4" s="107" customFormat="1" ht="20.25" customHeight="1">
      <c r="B111" s="495">
        <v>78</v>
      </c>
      <c r="C111" s="780" t="s">
        <v>204</v>
      </c>
      <c r="D111" s="772">
        <v>101500.91114</v>
      </c>
    </row>
    <row r="112" spans="2:4" s="107" customFormat="1" ht="20.25" customHeight="1" thickBot="1">
      <c r="B112" s="499">
        <v>79</v>
      </c>
      <c r="C112" s="787" t="s">
        <v>205</v>
      </c>
      <c r="D112" s="788">
        <v>58567.375066080007</v>
      </c>
    </row>
    <row r="113" spans="2:4" ht="25.15" customHeight="1">
      <c r="B113" s="873" t="s">
        <v>206</v>
      </c>
      <c r="C113" s="873"/>
      <c r="D113" s="873"/>
    </row>
    <row r="114" spans="2:4" s="107" customFormat="1" ht="20.25" customHeight="1">
      <c r="B114" s="768">
        <v>80</v>
      </c>
      <c r="C114" s="779" t="s">
        <v>207</v>
      </c>
      <c r="D114" s="770"/>
    </row>
    <row r="115" spans="2:4" s="107" customFormat="1" ht="20.25" customHeight="1">
      <c r="B115" s="495">
        <v>81</v>
      </c>
      <c r="C115" s="780" t="s">
        <v>208</v>
      </c>
      <c r="D115" s="772"/>
    </row>
    <row r="116" spans="2:4" s="107" customFormat="1" ht="20.25" customHeight="1">
      <c r="B116" s="495">
        <v>82</v>
      </c>
      <c r="C116" s="780" t="s">
        <v>209</v>
      </c>
      <c r="D116" s="772"/>
    </row>
    <row r="117" spans="2:4" s="107" customFormat="1" ht="20.25" customHeight="1">
      <c r="B117" s="495">
        <v>83</v>
      </c>
      <c r="C117" s="780" t="s">
        <v>210</v>
      </c>
      <c r="D117" s="772"/>
    </row>
    <row r="118" spans="2:4" s="107" customFormat="1" ht="20.25" customHeight="1">
      <c r="B118" s="495">
        <v>84</v>
      </c>
      <c r="C118" s="780" t="s">
        <v>211</v>
      </c>
      <c r="D118" s="772"/>
    </row>
    <row r="119" spans="2:4" s="107" customFormat="1" ht="20.25" customHeight="1">
      <c r="B119" s="799">
        <v>85</v>
      </c>
      <c r="C119" s="800" t="s">
        <v>212</v>
      </c>
      <c r="D119" s="801"/>
    </row>
  </sheetData>
  <mergeCells count="11">
    <mergeCell ref="B75:D75"/>
    <mergeCell ref="B5:D5"/>
    <mergeCell ref="B14:D14"/>
    <mergeCell ref="B45:D45"/>
    <mergeCell ref="B55:D55"/>
    <mergeCell ref="B66:D66"/>
    <mergeCell ref="B108:D108"/>
    <mergeCell ref="B113:D113"/>
    <mergeCell ref="B88:D88"/>
    <mergeCell ref="B99:D99"/>
    <mergeCell ref="B103:D103"/>
  </mergeCells>
  <hyperlinks>
    <hyperlink ref="F1" location="Índice!A1" display="Voltar ao Índice" xr:uid="{00000000-0004-0000-0600-000000000000}"/>
  </hyperlinks>
  <pageMargins left="0.70866141732283472" right="0.70866141732283472" top="0.74803149606299213" bottom="0.74803149606299213" header="0.31496062992125984" footer="0.31496062992125984"/>
  <pageSetup paperSize="9" scale="54" orientation="landscape" r:id="rId1"/>
  <headerFooter>
    <oddFooter>&amp;C1</oddFooter>
  </headerFooter>
  <rowBreaks count="2" manualBreakCount="2">
    <brk id="42" max="5" man="1"/>
    <brk id="80" max="1638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D2904E-E162-43A2-AD12-80BA8DAB7CAF}">
  <sheetPr>
    <tabColor rgb="FFFF0000"/>
  </sheetPr>
  <dimension ref="A2:M43"/>
  <sheetViews>
    <sheetView showGridLines="0" zoomScaleNormal="100" workbookViewId="0"/>
  </sheetViews>
  <sheetFormatPr defaultRowHeight="16.5"/>
  <cols>
    <col min="1" max="1" width="9.140625" style="760"/>
    <col min="2" max="2" width="61.140625" style="760" bestFit="1" customWidth="1"/>
    <col min="3" max="3" width="0.85546875" style="760" customWidth="1"/>
    <col min="4" max="4" width="13.42578125" style="760" bestFit="1" customWidth="1"/>
    <col min="5" max="5" width="0.85546875" style="760" customWidth="1"/>
    <col min="6" max="6" width="13.42578125" style="760" bestFit="1" customWidth="1"/>
    <col min="7" max="7" width="0.85546875" style="760" customWidth="1"/>
    <col min="8" max="8" width="11" style="760" bestFit="1" customWidth="1"/>
    <col min="9" max="9" width="9.5703125" style="760" customWidth="1"/>
    <col min="10" max="12" width="9.140625" style="760"/>
    <col min="13" max="13" width="14" style="760" bestFit="1" customWidth="1"/>
    <col min="14" max="16384" width="9.140625" style="760"/>
  </cols>
  <sheetData>
    <row r="2" spans="1:13" ht="24">
      <c r="A2" s="94" t="s">
        <v>100</v>
      </c>
      <c r="B2" s="95"/>
      <c r="D2" s="95"/>
      <c r="F2" s="95"/>
    </row>
    <row r="3" spans="1:13" ht="18.75">
      <c r="A3" s="875" t="s">
        <v>750</v>
      </c>
      <c r="B3" s="875"/>
      <c r="C3" s="875"/>
      <c r="D3" s="875"/>
    </row>
    <row r="4" spans="1:13">
      <c r="A4" s="761"/>
      <c r="M4" s="53" t="s">
        <v>945</v>
      </c>
    </row>
    <row r="5" spans="1:13" ht="30" customHeight="1" thickBot="1">
      <c r="B5" s="762"/>
      <c r="C5" s="92"/>
      <c r="D5" s="147">
        <v>45838</v>
      </c>
      <c r="E5" s="92"/>
      <c r="F5" s="147">
        <v>45473</v>
      </c>
      <c r="G5" s="92"/>
      <c r="H5" s="134" t="s">
        <v>1006</v>
      </c>
      <c r="I5" s="135"/>
    </row>
    <row r="6" spans="1:13" ht="19.5" customHeight="1">
      <c r="B6" s="136" t="s">
        <v>746</v>
      </c>
      <c r="C6" s="137"/>
      <c r="D6" s="138">
        <v>1391779.6740000001</v>
      </c>
      <c r="E6" s="137"/>
      <c r="F6" s="138">
        <v>1972962.08</v>
      </c>
      <c r="G6" s="137"/>
      <c r="H6" s="138">
        <v>-581182.40599999996</v>
      </c>
      <c r="I6" s="763"/>
    </row>
    <row r="7" spans="1:13" ht="19.5" customHeight="1">
      <c r="B7" s="139" t="s">
        <v>1007</v>
      </c>
      <c r="C7" s="137"/>
      <c r="D7" s="140">
        <v>1200000</v>
      </c>
      <c r="E7" s="137"/>
      <c r="F7" s="140">
        <v>700000</v>
      </c>
      <c r="G7" s="137"/>
      <c r="H7" s="140">
        <v>500000</v>
      </c>
      <c r="I7" s="763"/>
    </row>
    <row r="8" spans="1:13" ht="19.5" customHeight="1">
      <c r="B8" s="139" t="s">
        <v>1008</v>
      </c>
      <c r="C8" s="137"/>
      <c r="D8" s="140">
        <v>-294696.61099999998</v>
      </c>
      <c r="E8" s="137"/>
      <c r="F8" s="140">
        <v>-271901.12</v>
      </c>
      <c r="G8" s="137"/>
      <c r="H8" s="140">
        <v>-22795.49099999998</v>
      </c>
      <c r="I8" s="763"/>
    </row>
    <row r="9" spans="1:13" ht="19.5" customHeight="1">
      <c r="B9" s="139" t="s">
        <v>1009</v>
      </c>
      <c r="C9" s="137"/>
      <c r="D9" s="140">
        <v>1173678.9099999999</v>
      </c>
      <c r="E9" s="137"/>
      <c r="F9" s="140">
        <v>1575373.669</v>
      </c>
      <c r="G9" s="137"/>
      <c r="H9" s="140">
        <v>-401694.75900000008</v>
      </c>
      <c r="I9" s="763"/>
    </row>
    <row r="10" spans="1:13" ht="19.5" customHeight="1">
      <c r="B10" s="139" t="s">
        <v>1010</v>
      </c>
      <c r="C10" s="137"/>
      <c r="D10" s="140">
        <v>-19146.966</v>
      </c>
      <c r="E10" s="137"/>
      <c r="F10" s="140">
        <v>-2678.8580000000002</v>
      </c>
      <c r="G10" s="137"/>
      <c r="H10" s="140">
        <v>-16468.108</v>
      </c>
      <c r="I10" s="763"/>
    </row>
    <row r="11" spans="1:13" ht="19.5" customHeight="1">
      <c r="B11" s="139" t="s">
        <v>1011</v>
      </c>
      <c r="C11" s="137"/>
      <c r="D11" s="140">
        <v>503918.09100000001</v>
      </c>
      <c r="E11" s="137"/>
      <c r="F11" s="140">
        <v>547747.99199999997</v>
      </c>
      <c r="G11" s="137"/>
      <c r="H11" s="140">
        <v>-43829.900999999954</v>
      </c>
      <c r="I11" s="763"/>
    </row>
    <row r="12" spans="1:13" ht="19.5" customHeight="1">
      <c r="B12" s="139" t="s">
        <v>1012</v>
      </c>
      <c r="C12" s="137"/>
      <c r="D12" s="140">
        <v>0</v>
      </c>
      <c r="E12" s="137"/>
      <c r="F12" s="140">
        <v>-105.018</v>
      </c>
      <c r="G12" s="137"/>
      <c r="H12" s="140">
        <v>105.018</v>
      </c>
      <c r="I12" s="763"/>
    </row>
    <row r="13" spans="1:13" ht="19.5" customHeight="1">
      <c r="B13" s="139" t="s">
        <v>1013</v>
      </c>
      <c r="C13" s="137"/>
      <c r="D13" s="140">
        <v>0</v>
      </c>
      <c r="E13" s="137"/>
      <c r="F13" s="140">
        <v>0</v>
      </c>
      <c r="G13" s="137"/>
      <c r="H13" s="140">
        <v>0</v>
      </c>
      <c r="I13" s="763"/>
    </row>
    <row r="14" spans="1:13" ht="19.5" customHeight="1" thickBot="1">
      <c r="B14" s="139" t="s">
        <v>782</v>
      </c>
      <c r="C14" s="137"/>
      <c r="D14" s="140">
        <v>69.161000000000001</v>
      </c>
      <c r="E14" s="137"/>
      <c r="F14" s="140">
        <v>1787.431</v>
      </c>
      <c r="G14" s="137"/>
      <c r="H14" s="140">
        <v>-1718.27</v>
      </c>
      <c r="I14" s="763"/>
    </row>
    <row r="15" spans="1:13" ht="19.5" customHeight="1" thickBot="1">
      <c r="B15" s="141" t="s">
        <v>1014</v>
      </c>
      <c r="C15" s="764"/>
      <c r="D15" s="142">
        <v>3955602.2590000001</v>
      </c>
      <c r="E15" s="764"/>
      <c r="F15" s="142">
        <v>4523186.175999999</v>
      </c>
      <c r="G15" s="764"/>
      <c r="H15" s="142">
        <v>-567583.91699999897</v>
      </c>
      <c r="I15" s="143"/>
    </row>
    <row r="16" spans="1:13" ht="19.5" customHeight="1">
      <c r="B16" s="136" t="s">
        <v>1015</v>
      </c>
      <c r="C16" s="137"/>
      <c r="D16" s="138">
        <v>-1159.2429999999999</v>
      </c>
      <c r="E16" s="137"/>
      <c r="F16" s="138">
        <v>-2651.7240000000002</v>
      </c>
      <c r="G16" s="137"/>
      <c r="H16" s="138">
        <v>1492.4810000000002</v>
      </c>
      <c r="I16" s="763"/>
    </row>
    <row r="17" spans="2:9" ht="19.5" customHeight="1">
      <c r="B17" s="139" t="s">
        <v>1016</v>
      </c>
      <c r="C17" s="137"/>
      <c r="D17" s="140">
        <v>-1200000</v>
      </c>
      <c r="E17" s="137"/>
      <c r="F17" s="140">
        <v>-700000</v>
      </c>
      <c r="G17" s="137"/>
      <c r="H17" s="140">
        <v>-500000</v>
      </c>
      <c r="I17" s="763"/>
    </row>
    <row r="18" spans="2:9" ht="19.5" customHeight="1">
      <c r="B18" s="139" t="s">
        <v>1017</v>
      </c>
      <c r="C18" s="137"/>
      <c r="D18" s="140">
        <v>-503918.09100000001</v>
      </c>
      <c r="E18" s="137"/>
      <c r="F18" s="140">
        <v>-547747.99199999997</v>
      </c>
      <c r="G18" s="137"/>
      <c r="H18" s="140">
        <v>43829.900999999954</v>
      </c>
      <c r="I18" s="763"/>
    </row>
    <row r="19" spans="2:9" ht="19.5" customHeight="1">
      <c r="B19" s="139" t="s">
        <v>1018</v>
      </c>
      <c r="C19" s="137"/>
      <c r="D19" s="140">
        <v>-69.161000000000001</v>
      </c>
      <c r="E19" s="137"/>
      <c r="F19" s="140">
        <v>-1787.431</v>
      </c>
      <c r="G19" s="137"/>
      <c r="H19" s="140">
        <v>1718.27</v>
      </c>
      <c r="I19" s="763"/>
    </row>
    <row r="20" spans="2:9" ht="19.5" customHeight="1">
      <c r="B20" s="139" t="s">
        <v>1019</v>
      </c>
      <c r="C20" s="137"/>
      <c r="D20" s="140">
        <v>0</v>
      </c>
      <c r="E20" s="137"/>
      <c r="F20" s="140">
        <v>0</v>
      </c>
      <c r="G20" s="137"/>
      <c r="H20" s="140">
        <v>0</v>
      </c>
      <c r="I20" s="763"/>
    </row>
    <row r="21" spans="2:9" ht="19.5" customHeight="1">
      <c r="B21" s="139" t="s">
        <v>1020</v>
      </c>
      <c r="C21" s="137"/>
      <c r="D21" s="140">
        <v>0</v>
      </c>
      <c r="E21" s="137"/>
      <c r="F21" s="140">
        <v>0</v>
      </c>
      <c r="G21" s="137"/>
      <c r="H21" s="140">
        <v>0</v>
      </c>
      <c r="I21" s="763"/>
    </row>
    <row r="22" spans="2:9" ht="19.5" customHeight="1">
      <c r="B22" s="139" t="s">
        <v>1021</v>
      </c>
      <c r="C22" s="137"/>
      <c r="D22" s="140">
        <v>0</v>
      </c>
      <c r="E22" s="137"/>
      <c r="F22" s="140">
        <v>0</v>
      </c>
      <c r="G22" s="137"/>
      <c r="H22" s="140">
        <v>0</v>
      </c>
      <c r="I22" s="763"/>
    </row>
    <row r="23" spans="2:9" ht="19.5" customHeight="1" thickBot="1">
      <c r="B23" s="144" t="s">
        <v>749</v>
      </c>
      <c r="C23" s="137"/>
      <c r="D23" s="145">
        <v>-13283.144810000435</v>
      </c>
      <c r="E23" s="137"/>
      <c r="F23" s="145">
        <v>-239324.21875999775</v>
      </c>
      <c r="G23" s="137"/>
      <c r="H23" s="145">
        <v>226041.07394999731</v>
      </c>
      <c r="I23" s="763"/>
    </row>
    <row r="24" spans="2:9" ht="19.5" customHeight="1" thickBot="1">
      <c r="B24" s="141" t="s">
        <v>1022</v>
      </c>
      <c r="C24" s="764"/>
      <c r="D24" s="142">
        <v>2237172.61919</v>
      </c>
      <c r="E24" s="764"/>
      <c r="F24" s="142">
        <v>3031674.810240001</v>
      </c>
      <c r="G24" s="764"/>
      <c r="H24" s="142">
        <v>-794502.19105000095</v>
      </c>
      <c r="I24" s="143"/>
    </row>
    <row r="25" spans="2:9" ht="19.5" customHeight="1">
      <c r="B25" s="136" t="s">
        <v>1023</v>
      </c>
      <c r="C25" s="137"/>
      <c r="D25" s="138">
        <v>700000</v>
      </c>
      <c r="E25" s="137"/>
      <c r="F25" s="138">
        <v>700000</v>
      </c>
      <c r="G25" s="137"/>
      <c r="H25" s="138">
        <v>0</v>
      </c>
      <c r="I25" s="763"/>
    </row>
    <row r="26" spans="2:9" ht="19.5" customHeight="1">
      <c r="B26" s="139" t="s">
        <v>1024</v>
      </c>
      <c r="C26" s="137"/>
      <c r="D26" s="140">
        <v>0</v>
      </c>
      <c r="E26" s="137"/>
      <c r="F26" s="140">
        <v>0</v>
      </c>
      <c r="G26" s="137"/>
      <c r="H26" s="140">
        <v>0</v>
      </c>
      <c r="I26" s="763"/>
    </row>
    <row r="27" spans="2:9" ht="19.5" customHeight="1">
      <c r="B27" s="139" t="s">
        <v>1025</v>
      </c>
      <c r="C27" s="137"/>
      <c r="D27" s="140">
        <v>0</v>
      </c>
      <c r="E27" s="137"/>
      <c r="F27" s="140">
        <v>0</v>
      </c>
      <c r="G27" s="137"/>
      <c r="H27" s="140">
        <v>0</v>
      </c>
      <c r="I27" s="763"/>
    </row>
    <row r="28" spans="2:9" ht="19.5" customHeight="1">
      <c r="B28" s="139" t="s">
        <v>1026</v>
      </c>
      <c r="C28" s="137"/>
      <c r="D28" s="140">
        <v>0</v>
      </c>
      <c r="E28" s="137"/>
      <c r="F28" s="140">
        <v>0</v>
      </c>
      <c r="G28" s="137"/>
      <c r="H28" s="140">
        <v>0</v>
      </c>
      <c r="I28" s="763"/>
    </row>
    <row r="29" spans="2:9" ht="19.5" customHeight="1">
      <c r="B29" s="139" t="s">
        <v>1027</v>
      </c>
      <c r="C29" s="137"/>
      <c r="D29" s="140">
        <v>0</v>
      </c>
      <c r="E29" s="137"/>
      <c r="F29" s="140">
        <v>0</v>
      </c>
      <c r="G29" s="137"/>
      <c r="H29" s="140">
        <v>0</v>
      </c>
      <c r="I29" s="763"/>
    </row>
    <row r="30" spans="2:9" ht="19.5" customHeight="1" thickBot="1">
      <c r="B30" s="144" t="s">
        <v>1028</v>
      </c>
      <c r="C30" s="137"/>
      <c r="D30" s="145">
        <v>0</v>
      </c>
      <c r="E30" s="137"/>
      <c r="F30" s="145">
        <v>0</v>
      </c>
      <c r="G30" s="137"/>
      <c r="H30" s="145">
        <v>0</v>
      </c>
      <c r="I30" s="763"/>
    </row>
    <row r="31" spans="2:9" ht="19.5" customHeight="1" thickBot="1">
      <c r="B31" s="141" t="s">
        <v>1029</v>
      </c>
      <c r="C31" s="146"/>
      <c r="D31" s="142">
        <v>2937172.61919</v>
      </c>
      <c r="E31" s="146"/>
      <c r="F31" s="142">
        <v>3731674.810240001</v>
      </c>
      <c r="G31" s="146"/>
      <c r="H31" s="142">
        <v>-794502.19105000095</v>
      </c>
      <c r="I31" s="143"/>
    </row>
    <row r="32" spans="2:9" ht="19.5" customHeight="1">
      <c r="B32" s="136" t="s">
        <v>748</v>
      </c>
      <c r="C32" s="137"/>
      <c r="D32" s="138">
        <v>202495.85496</v>
      </c>
      <c r="E32" s="137"/>
      <c r="F32" s="138">
        <v>204013.89425000001</v>
      </c>
      <c r="G32" s="137"/>
      <c r="H32" s="138">
        <v>-1518.0392900000152</v>
      </c>
      <c r="I32" s="763"/>
    </row>
    <row r="33" spans="2:9" ht="19.5" customHeight="1">
      <c r="B33" s="139" t="s">
        <v>1030</v>
      </c>
      <c r="C33" s="137"/>
      <c r="D33" s="140">
        <v>0</v>
      </c>
      <c r="E33" s="137"/>
      <c r="F33" s="140">
        <v>0</v>
      </c>
      <c r="G33" s="137"/>
      <c r="H33" s="140">
        <v>0</v>
      </c>
      <c r="I33" s="763"/>
    </row>
    <row r="34" spans="2:9" ht="19.5" customHeight="1">
      <c r="B34" s="139" t="s">
        <v>1031</v>
      </c>
      <c r="C34" s="137"/>
      <c r="D34" s="140">
        <v>0</v>
      </c>
      <c r="E34" s="137"/>
      <c r="F34" s="140">
        <v>0</v>
      </c>
      <c r="G34" s="137"/>
      <c r="H34" s="140">
        <v>0</v>
      </c>
      <c r="I34" s="763"/>
    </row>
    <row r="35" spans="2:9" ht="19.5" customHeight="1">
      <c r="B35" s="139" t="s">
        <v>1032</v>
      </c>
      <c r="C35" s="137"/>
      <c r="D35" s="140">
        <v>58567.375070000002</v>
      </c>
      <c r="E35" s="137"/>
      <c r="F35" s="140">
        <v>64207.698979999994</v>
      </c>
      <c r="G35" s="137"/>
      <c r="H35" s="140">
        <v>-5640.3239099999919</v>
      </c>
      <c r="I35" s="763"/>
    </row>
    <row r="36" spans="2:9" ht="19.5" customHeight="1">
      <c r="B36" s="139" t="s">
        <v>1033</v>
      </c>
      <c r="C36" s="137"/>
      <c r="D36" s="140">
        <v>0</v>
      </c>
      <c r="E36" s="137"/>
      <c r="F36" s="140">
        <v>0</v>
      </c>
      <c r="G36" s="137"/>
      <c r="H36" s="140">
        <v>0</v>
      </c>
      <c r="I36" s="763"/>
    </row>
    <row r="37" spans="2:9" ht="19.5" customHeight="1" thickBot="1">
      <c r="B37" s="144" t="s">
        <v>1034</v>
      </c>
      <c r="C37" s="137"/>
      <c r="D37" s="145">
        <v>0</v>
      </c>
      <c r="E37" s="137"/>
      <c r="F37" s="145">
        <v>0</v>
      </c>
      <c r="G37" s="137"/>
      <c r="H37" s="145">
        <v>0</v>
      </c>
      <c r="I37" s="763"/>
    </row>
    <row r="38" spans="2:9" ht="19.5" customHeight="1" thickBot="1">
      <c r="B38" s="141" t="s">
        <v>1035</v>
      </c>
      <c r="C38" s="146"/>
      <c r="D38" s="142">
        <v>261063.23003000001</v>
      </c>
      <c r="E38" s="146"/>
      <c r="F38" s="142">
        <v>268221.59323</v>
      </c>
      <c r="G38" s="146"/>
      <c r="H38" s="142">
        <v>-7158.3631999999925</v>
      </c>
      <c r="I38" s="143"/>
    </row>
    <row r="39" spans="2:9" ht="19.5" customHeight="1" thickBot="1">
      <c r="B39" s="141" t="s">
        <v>1036</v>
      </c>
      <c r="C39" s="146"/>
      <c r="D39" s="142">
        <v>3198235.8492200002</v>
      </c>
      <c r="E39" s="146"/>
      <c r="F39" s="142">
        <v>3999896.4034700012</v>
      </c>
      <c r="G39" s="146"/>
      <c r="H39" s="142">
        <v>-801660.55425000098</v>
      </c>
      <c r="I39" s="143"/>
    </row>
    <row r="41" spans="2:9">
      <c r="D41" s="765"/>
      <c r="F41" s="765"/>
    </row>
    <row r="42" spans="2:9">
      <c r="D42" s="765"/>
    </row>
    <row r="43" spans="2:9">
      <c r="D43" s="765"/>
    </row>
  </sheetData>
  <mergeCells count="1">
    <mergeCell ref="A3:D3"/>
  </mergeCells>
  <hyperlinks>
    <hyperlink ref="M4" location="Índice!A1" display="Voltar ao Índice" xr:uid="{E13E9032-B2F9-4E49-8ADD-3529A8B3DD6C}"/>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FF0000"/>
  </sheetPr>
  <dimension ref="B1:I44"/>
  <sheetViews>
    <sheetView showGridLines="0" zoomScale="90" zoomScaleNormal="90" zoomScalePageLayoutView="80" workbookViewId="0"/>
  </sheetViews>
  <sheetFormatPr defaultColWidth="9.28515625" defaultRowHeight="16.5"/>
  <cols>
    <col min="1" max="1" width="4.7109375" style="269" customWidth="1"/>
    <col min="2" max="2" width="7.7109375" style="269" customWidth="1"/>
    <col min="3" max="3" width="68.42578125" style="269" customWidth="1"/>
    <col min="4" max="6" width="20.140625" style="269" customWidth="1"/>
    <col min="7" max="7" width="9.28515625" style="269" customWidth="1"/>
    <col min="8" max="8" width="9.28515625" style="269"/>
    <col min="9" max="9" width="13.140625" style="269" bestFit="1" customWidth="1"/>
    <col min="10" max="16384" width="9.28515625" style="269"/>
  </cols>
  <sheetData>
    <row r="1" spans="2:9" ht="23.65" customHeight="1">
      <c r="B1" s="8" t="s">
        <v>0</v>
      </c>
      <c r="I1" s="53" t="s">
        <v>945</v>
      </c>
    </row>
    <row r="2" spans="2:9" ht="18.75">
      <c r="B2" s="130" t="s">
        <v>750</v>
      </c>
      <c r="C2" s="452"/>
      <c r="D2" s="452"/>
      <c r="E2" s="452"/>
      <c r="F2" s="452"/>
    </row>
    <row r="3" spans="2:9" ht="33">
      <c r="B3" s="877"/>
      <c r="C3" s="877"/>
      <c r="D3" s="876" t="s">
        <v>2</v>
      </c>
      <c r="E3" s="876"/>
      <c r="F3" s="270" t="s">
        <v>3</v>
      </c>
    </row>
    <row r="4" spans="2:9">
      <c r="B4" s="877"/>
      <c r="C4" s="877"/>
      <c r="D4" s="672" t="s">
        <v>4</v>
      </c>
      <c r="E4" s="672" t="s">
        <v>5</v>
      </c>
      <c r="F4" s="672" t="s">
        <v>6</v>
      </c>
    </row>
    <row r="5" spans="2:9" ht="25.15" customHeight="1" thickBot="1">
      <c r="B5" s="877"/>
      <c r="C5" s="877"/>
      <c r="D5" s="742">
        <v>45838</v>
      </c>
      <c r="E5" s="742">
        <v>45473</v>
      </c>
      <c r="F5" s="742">
        <v>45838</v>
      </c>
    </row>
    <row r="6" spans="2:9" ht="20.25" customHeight="1">
      <c r="B6" s="241">
        <v>1</v>
      </c>
      <c r="C6" s="643" t="s">
        <v>7</v>
      </c>
      <c r="D6" s="743">
        <v>11658211.234640747</v>
      </c>
      <c r="E6" s="743">
        <v>12396386.084877023</v>
      </c>
      <c r="F6" s="743">
        <v>932656.89877125982</v>
      </c>
    </row>
    <row r="7" spans="2:9" ht="20.25" customHeight="1">
      <c r="B7" s="245">
        <v>2</v>
      </c>
      <c r="C7" s="291" t="s">
        <v>8</v>
      </c>
      <c r="D7" s="744">
        <v>1716647.971762171</v>
      </c>
      <c r="E7" s="744">
        <v>1927586.5251808937</v>
      </c>
      <c r="F7" s="745">
        <v>137331.83774097369</v>
      </c>
    </row>
    <row r="8" spans="2:9" ht="20.25" customHeight="1">
      <c r="B8" s="245">
        <v>3</v>
      </c>
      <c r="C8" s="291" t="s">
        <v>9</v>
      </c>
      <c r="D8" s="744">
        <v>1705024.8889395376</v>
      </c>
      <c r="E8" s="744">
        <v>1380734.5802591871</v>
      </c>
      <c r="F8" s="744">
        <v>136401.99111516302</v>
      </c>
    </row>
    <row r="9" spans="2:9" ht="20.25" customHeight="1">
      <c r="B9" s="245">
        <v>4</v>
      </c>
      <c r="C9" s="291" t="s">
        <v>10</v>
      </c>
      <c r="D9" s="744">
        <v>492109.25684595102</v>
      </c>
      <c r="E9" s="744">
        <v>383411.25465225294</v>
      </c>
      <c r="F9" s="744">
        <v>39368.740547676083</v>
      </c>
    </row>
    <row r="10" spans="2:9" ht="20.25" customHeight="1">
      <c r="B10" s="245" t="s">
        <v>11</v>
      </c>
      <c r="C10" s="291" t="s">
        <v>12</v>
      </c>
      <c r="D10" s="744">
        <v>432336.20017500001</v>
      </c>
      <c r="E10" s="744">
        <v>450095.86464999989</v>
      </c>
      <c r="F10" s="744">
        <v>34586.896013999998</v>
      </c>
    </row>
    <row r="11" spans="2:9" ht="20.25" customHeight="1">
      <c r="B11" s="245">
        <v>5</v>
      </c>
      <c r="C11" s="291" t="s">
        <v>13</v>
      </c>
      <c r="D11" s="744">
        <v>7312092.9169180878</v>
      </c>
      <c r="E11" s="744">
        <v>8254557.8601346901</v>
      </c>
      <c r="F11" s="744">
        <v>584967.43335344701</v>
      </c>
    </row>
    <row r="12" spans="2:9" ht="20.25" customHeight="1">
      <c r="B12" s="245">
        <v>6</v>
      </c>
      <c r="C12" s="746" t="s">
        <v>14</v>
      </c>
      <c r="D12" s="747">
        <v>308068.89995687292</v>
      </c>
      <c r="E12" s="747">
        <v>323095.56877109624</v>
      </c>
      <c r="F12" s="747">
        <v>24645.511996549834</v>
      </c>
    </row>
    <row r="13" spans="2:9" ht="20.25" customHeight="1">
      <c r="B13" s="245">
        <v>7</v>
      </c>
      <c r="C13" s="291" t="s">
        <v>8</v>
      </c>
      <c r="D13" s="744">
        <v>261360.20088467293</v>
      </c>
      <c r="E13" s="744">
        <v>261615.28733889625</v>
      </c>
      <c r="F13" s="744">
        <v>20908.816070773835</v>
      </c>
    </row>
    <row r="14" spans="2:9" ht="20.25" customHeight="1">
      <c r="B14" s="245">
        <v>8</v>
      </c>
      <c r="C14" s="291" t="s">
        <v>15</v>
      </c>
      <c r="D14" s="744">
        <v>0</v>
      </c>
      <c r="E14" s="744">
        <v>0</v>
      </c>
      <c r="F14" s="745">
        <v>0</v>
      </c>
    </row>
    <row r="15" spans="2:9" ht="20.25" customHeight="1">
      <c r="B15" s="245" t="s">
        <v>16</v>
      </c>
      <c r="C15" s="291" t="s">
        <v>17</v>
      </c>
      <c r="D15" s="744">
        <v>202.59626219999998</v>
      </c>
      <c r="E15" s="744">
        <v>333.64156220000001</v>
      </c>
      <c r="F15" s="744">
        <v>16.207700975999998</v>
      </c>
    </row>
    <row r="16" spans="2:9" ht="20.25" customHeight="1">
      <c r="B16" s="245" t="s">
        <v>18</v>
      </c>
      <c r="C16" s="291" t="s">
        <v>19</v>
      </c>
      <c r="D16" s="744">
        <v>46506.102810000004</v>
      </c>
      <c r="E16" s="744">
        <v>61146.639869999999</v>
      </c>
      <c r="F16" s="744">
        <v>3720.4882248000004</v>
      </c>
    </row>
    <row r="17" spans="2:6" ht="20.25" customHeight="1">
      <c r="B17" s="245">
        <v>9</v>
      </c>
      <c r="C17" s="291" t="s">
        <v>20</v>
      </c>
      <c r="D17" s="744">
        <v>0</v>
      </c>
      <c r="E17" s="744">
        <v>0</v>
      </c>
      <c r="F17" s="744">
        <v>0</v>
      </c>
    </row>
    <row r="18" spans="2:6" ht="20.25" customHeight="1">
      <c r="B18" s="245">
        <v>10</v>
      </c>
      <c r="C18" s="417" t="s">
        <v>21</v>
      </c>
      <c r="D18" s="748"/>
      <c r="E18" s="748"/>
      <c r="F18" s="749"/>
    </row>
    <row r="19" spans="2:6" ht="20.25" customHeight="1">
      <c r="B19" s="245">
        <v>11</v>
      </c>
      <c r="C19" s="417" t="s">
        <v>21</v>
      </c>
      <c r="D19" s="750"/>
      <c r="E19" s="750"/>
      <c r="F19" s="751"/>
    </row>
    <row r="20" spans="2:6" ht="20.25" customHeight="1">
      <c r="B20" s="245">
        <v>12</v>
      </c>
      <c r="C20" s="417" t="s">
        <v>21</v>
      </c>
      <c r="D20" s="750"/>
      <c r="E20" s="750"/>
      <c r="F20" s="751"/>
    </row>
    <row r="21" spans="2:6" ht="20.25" customHeight="1">
      <c r="B21" s="245">
        <v>13</v>
      </c>
      <c r="C21" s="417" t="s">
        <v>21</v>
      </c>
      <c r="D21" s="750"/>
      <c r="E21" s="750"/>
      <c r="F21" s="751"/>
    </row>
    <row r="22" spans="2:6" ht="20.25" customHeight="1">
      <c r="B22" s="245">
        <v>14</v>
      </c>
      <c r="C22" s="417" t="s">
        <v>21</v>
      </c>
      <c r="D22" s="752"/>
      <c r="E22" s="752"/>
      <c r="F22" s="753"/>
    </row>
    <row r="23" spans="2:6" ht="20.25" customHeight="1">
      <c r="B23" s="245">
        <v>15</v>
      </c>
      <c r="C23" s="746" t="s">
        <v>22</v>
      </c>
      <c r="D23" s="744">
        <v>0</v>
      </c>
      <c r="E23" s="744">
        <v>0</v>
      </c>
      <c r="F23" s="744">
        <v>0</v>
      </c>
    </row>
    <row r="24" spans="2:6" ht="30" customHeight="1">
      <c r="B24" s="245">
        <v>16</v>
      </c>
      <c r="C24" s="746" t="s">
        <v>23</v>
      </c>
      <c r="D24" s="744">
        <v>672944.50800000003</v>
      </c>
      <c r="E24" s="744">
        <v>561861.76086000004</v>
      </c>
      <c r="F24" s="744">
        <v>0</v>
      </c>
    </row>
    <row r="25" spans="2:6" ht="20.25" customHeight="1">
      <c r="B25" s="245">
        <v>17</v>
      </c>
      <c r="C25" s="291" t="s">
        <v>24</v>
      </c>
      <c r="D25" s="744">
        <v>672944.50800000003</v>
      </c>
      <c r="E25" s="744">
        <v>558507.929</v>
      </c>
      <c r="F25" s="744" t="s">
        <v>808</v>
      </c>
    </row>
    <row r="26" spans="2:6" ht="20.25" customHeight="1">
      <c r="B26" s="245">
        <v>18</v>
      </c>
      <c r="C26" s="291" t="s">
        <v>25</v>
      </c>
      <c r="D26" s="744">
        <v>0</v>
      </c>
      <c r="E26" s="744">
        <v>3353.8319999999999</v>
      </c>
      <c r="F26" s="744">
        <v>0</v>
      </c>
    </row>
    <row r="27" spans="2:6" ht="20.25" customHeight="1">
      <c r="B27" s="245">
        <v>19</v>
      </c>
      <c r="C27" s="291" t="s">
        <v>26</v>
      </c>
      <c r="D27" s="754">
        <v>0</v>
      </c>
      <c r="E27" s="754">
        <v>0</v>
      </c>
      <c r="F27" s="755">
        <v>0</v>
      </c>
    </row>
    <row r="28" spans="2:6" ht="20.25" customHeight="1">
      <c r="B28" s="245" t="s">
        <v>27</v>
      </c>
      <c r="C28" s="291" t="s">
        <v>28</v>
      </c>
      <c r="D28" s="754">
        <v>0</v>
      </c>
      <c r="E28" s="754">
        <v>0</v>
      </c>
      <c r="F28" s="755">
        <v>0</v>
      </c>
    </row>
    <row r="29" spans="2:6" ht="20.25" customHeight="1">
      <c r="B29" s="245">
        <v>20</v>
      </c>
      <c r="C29" s="746" t="s">
        <v>29</v>
      </c>
      <c r="D29" s="747">
        <v>2082.75</v>
      </c>
      <c r="E29" s="747">
        <v>12.595000000000001</v>
      </c>
      <c r="F29" s="747">
        <v>166.62</v>
      </c>
    </row>
    <row r="30" spans="2:6" ht="20.25" customHeight="1">
      <c r="B30" s="245">
        <v>21</v>
      </c>
      <c r="C30" s="291" t="s">
        <v>8</v>
      </c>
      <c r="D30" s="744">
        <v>2082.75</v>
      </c>
      <c r="E30" s="744">
        <v>12.595000000000001</v>
      </c>
      <c r="F30" s="744">
        <v>166.62</v>
      </c>
    </row>
    <row r="31" spans="2:6" ht="20.25" customHeight="1">
      <c r="B31" s="245">
        <v>22</v>
      </c>
      <c r="C31" s="291" t="s">
        <v>30</v>
      </c>
      <c r="D31" s="744">
        <v>0</v>
      </c>
      <c r="E31" s="744">
        <v>0</v>
      </c>
      <c r="F31" s="744">
        <v>0</v>
      </c>
    </row>
    <row r="32" spans="2:6" ht="20.25" customHeight="1">
      <c r="B32" s="245" t="s">
        <v>31</v>
      </c>
      <c r="C32" s="746" t="s">
        <v>32</v>
      </c>
      <c r="D32" s="744">
        <v>0</v>
      </c>
      <c r="E32" s="744">
        <v>0</v>
      </c>
      <c r="F32" s="744">
        <v>0</v>
      </c>
    </row>
    <row r="33" spans="2:6" ht="20.25" customHeight="1">
      <c r="B33" s="245">
        <v>23</v>
      </c>
      <c r="C33" s="746" t="s">
        <v>33</v>
      </c>
      <c r="D33" s="747">
        <v>3083330.08592</v>
      </c>
      <c r="E33" s="747">
        <v>2434752.0654799999</v>
      </c>
      <c r="F33" s="747">
        <v>246666.4068736</v>
      </c>
    </row>
    <row r="34" spans="2:6" ht="20.25" customHeight="1">
      <c r="B34" s="245" t="s">
        <v>34</v>
      </c>
      <c r="C34" s="291" t="s">
        <v>35</v>
      </c>
      <c r="D34" s="744">
        <v>0</v>
      </c>
      <c r="E34" s="744">
        <v>0</v>
      </c>
      <c r="F34" s="744">
        <v>0</v>
      </c>
    </row>
    <row r="35" spans="2:6" ht="20.25" customHeight="1">
      <c r="B35" s="245" t="s">
        <v>36</v>
      </c>
      <c r="C35" s="291" t="s">
        <v>8</v>
      </c>
      <c r="D35" s="744">
        <v>3083330.08592</v>
      </c>
      <c r="E35" s="744">
        <v>2434752.0654799999</v>
      </c>
      <c r="F35" s="744">
        <v>246666.4068736</v>
      </c>
    </row>
    <row r="36" spans="2:6" ht="20.25" customHeight="1">
      <c r="B36" s="245" t="s">
        <v>37</v>
      </c>
      <c r="C36" s="291" t="s">
        <v>38</v>
      </c>
      <c r="D36" s="744">
        <v>0</v>
      </c>
      <c r="E36" s="744">
        <v>0</v>
      </c>
      <c r="F36" s="744">
        <v>0</v>
      </c>
    </row>
    <row r="37" spans="2:6" ht="20.25" customHeight="1">
      <c r="B37" s="245">
        <v>24</v>
      </c>
      <c r="C37" s="291" t="s">
        <v>39</v>
      </c>
      <c r="D37" s="744">
        <v>481134.49249999999</v>
      </c>
      <c r="E37" s="744">
        <v>512049.15747500001</v>
      </c>
      <c r="F37" s="744">
        <v>38490.759400000003</v>
      </c>
    </row>
    <row r="38" spans="2:6" ht="20.25" customHeight="1">
      <c r="B38" s="245">
        <v>25</v>
      </c>
      <c r="C38" s="417" t="s">
        <v>21</v>
      </c>
      <c r="D38" s="748"/>
      <c r="E38" s="748"/>
      <c r="F38" s="749"/>
    </row>
    <row r="39" spans="2:6" ht="20.25" customHeight="1">
      <c r="B39" s="245">
        <v>26</v>
      </c>
      <c r="C39" s="417" t="s">
        <v>21</v>
      </c>
      <c r="D39" s="750"/>
      <c r="E39" s="750"/>
      <c r="F39" s="751"/>
    </row>
    <row r="40" spans="2:6" ht="20.25" customHeight="1">
      <c r="B40" s="245">
        <v>27</v>
      </c>
      <c r="C40" s="417" t="s">
        <v>21</v>
      </c>
      <c r="D40" s="750"/>
      <c r="E40" s="750"/>
      <c r="F40" s="751"/>
    </row>
    <row r="41" spans="2:6" ht="20.25" customHeight="1">
      <c r="B41" s="245">
        <v>28</v>
      </c>
      <c r="C41" s="417" t="s">
        <v>21</v>
      </c>
      <c r="D41" s="752"/>
      <c r="E41" s="752"/>
      <c r="F41" s="753"/>
    </row>
    <row r="42" spans="2:6" ht="20.25" customHeight="1" thickBot="1">
      <c r="B42" s="756">
        <v>29</v>
      </c>
      <c r="C42" s="757" t="s">
        <v>40</v>
      </c>
      <c r="D42" s="758">
        <v>15724637.47851762</v>
      </c>
      <c r="E42" s="758">
        <v>15716108.074988119</v>
      </c>
      <c r="F42" s="758">
        <v>1204135.4376414097</v>
      </c>
    </row>
    <row r="44" spans="2:6">
      <c r="E44" s="759"/>
    </row>
  </sheetData>
  <mergeCells count="2">
    <mergeCell ref="D3:E3"/>
    <mergeCell ref="B3:C5"/>
  </mergeCells>
  <hyperlinks>
    <hyperlink ref="I1" location="Índice!A1" display="Voltar ao Índice" xr:uid="{00000000-0004-0000-0800-000000000000}"/>
  </hyperlinks>
  <pageMargins left="0.70866141732283472" right="0.70866141732283472" top="0.74803149606299213" bottom="0.74803149606299213" header="0.31496062992125984" footer="0.31496062992125984"/>
  <pageSetup paperSize="9" scale="55" orientation="landscape" r:id="rId1"/>
  <headerFooter>
    <oddFooter>&amp;C1</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rgb="FFFF0000"/>
  </sheetPr>
  <dimension ref="B1:T27"/>
  <sheetViews>
    <sheetView showGridLines="0" zoomScaleNormal="100" zoomScalePageLayoutView="70" workbookViewId="0"/>
  </sheetViews>
  <sheetFormatPr defaultColWidth="9.140625" defaultRowHeight="18.75"/>
  <cols>
    <col min="1" max="1" width="5" style="9" bestFit="1" customWidth="1"/>
    <col min="2" max="2" width="4.5703125" style="9" customWidth="1"/>
    <col min="3" max="3" width="24" style="9" customWidth="1"/>
    <col min="4" max="5" width="15.7109375" style="9" customWidth="1"/>
    <col min="6" max="8" width="16.7109375" style="9" customWidth="1"/>
    <col min="9" max="11" width="15.7109375" style="9" customWidth="1"/>
    <col min="12" max="12" width="16.7109375" style="9" customWidth="1"/>
    <col min="13" max="16" width="15.7109375" style="9" customWidth="1"/>
    <col min="17" max="19" width="9.140625" style="9"/>
    <col min="20" max="20" width="13.140625" style="9" bestFit="1" customWidth="1"/>
    <col min="21" max="16384" width="9.140625" style="9"/>
  </cols>
  <sheetData>
    <row r="1" spans="2:20" ht="24">
      <c r="C1" s="8" t="s">
        <v>217</v>
      </c>
      <c r="T1" s="53" t="s">
        <v>945</v>
      </c>
    </row>
    <row r="2" spans="2:20">
      <c r="C2" s="262" t="s">
        <v>750</v>
      </c>
      <c r="D2" s="711"/>
      <c r="E2" s="107"/>
      <c r="F2" s="107"/>
      <c r="G2" s="107"/>
      <c r="H2" s="107"/>
      <c r="I2" s="107"/>
      <c r="J2" s="107"/>
      <c r="K2" s="107"/>
      <c r="L2" s="107"/>
      <c r="M2" s="107"/>
      <c r="N2" s="107"/>
      <c r="O2" s="107"/>
      <c r="P2" s="107"/>
      <c r="Q2" s="107"/>
    </row>
    <row r="3" spans="2:20" ht="20.100000000000001" customHeight="1">
      <c r="B3" s="269"/>
      <c r="C3" s="269"/>
    </row>
    <row r="4" spans="2:20" s="269" customFormat="1" ht="20.100000000000001" customHeight="1">
      <c r="D4" s="712" t="s">
        <v>4</v>
      </c>
      <c r="E4" s="712" t="s">
        <v>5</v>
      </c>
      <c r="F4" s="712" t="s">
        <v>6</v>
      </c>
      <c r="G4" s="712" t="s">
        <v>41</v>
      </c>
      <c r="H4" s="712" t="s">
        <v>42</v>
      </c>
      <c r="I4" s="712" t="s">
        <v>94</v>
      </c>
      <c r="J4" s="712" t="s">
        <v>95</v>
      </c>
      <c r="K4" s="712" t="s">
        <v>96</v>
      </c>
      <c r="L4" s="712" t="s">
        <v>218</v>
      </c>
      <c r="M4" s="712" t="s">
        <v>219</v>
      </c>
      <c r="N4" s="712" t="s">
        <v>220</v>
      </c>
      <c r="O4" s="712" t="s">
        <v>221</v>
      </c>
      <c r="P4" s="712" t="s">
        <v>222</v>
      </c>
    </row>
    <row r="5" spans="2:20" s="520" customFormat="1" ht="20.100000000000001" customHeight="1">
      <c r="D5" s="878" t="s">
        <v>223</v>
      </c>
      <c r="E5" s="878"/>
      <c r="F5" s="878" t="s">
        <v>224</v>
      </c>
      <c r="G5" s="878"/>
      <c r="H5" s="878" t="s">
        <v>225</v>
      </c>
      <c r="I5" s="878" t="s">
        <v>226</v>
      </c>
      <c r="J5" s="878" t="s">
        <v>227</v>
      </c>
      <c r="K5" s="878"/>
      <c r="L5" s="878"/>
      <c r="M5" s="878"/>
      <c r="N5" s="878" t="s">
        <v>228</v>
      </c>
      <c r="O5" s="878" t="s">
        <v>229</v>
      </c>
      <c r="P5" s="878" t="s">
        <v>230</v>
      </c>
    </row>
    <row r="6" spans="2:20" s="520" customFormat="1" ht="20.100000000000001" customHeight="1">
      <c r="D6" s="881"/>
      <c r="E6" s="881"/>
      <c r="F6" s="881"/>
      <c r="G6" s="881"/>
      <c r="H6" s="879"/>
      <c r="I6" s="879"/>
      <c r="J6" s="881"/>
      <c r="K6" s="881"/>
      <c r="L6" s="881"/>
      <c r="M6" s="881"/>
      <c r="N6" s="879"/>
      <c r="O6" s="879"/>
      <c r="P6" s="879"/>
    </row>
    <row r="7" spans="2:20" s="520" customFormat="1" ht="87.75" customHeight="1" thickBot="1">
      <c r="D7" s="713" t="s">
        <v>231</v>
      </c>
      <c r="E7" s="713" t="s">
        <v>232</v>
      </c>
      <c r="F7" s="713" t="s">
        <v>233</v>
      </c>
      <c r="G7" s="713" t="s">
        <v>234</v>
      </c>
      <c r="H7" s="880"/>
      <c r="I7" s="880"/>
      <c r="J7" s="713" t="s">
        <v>235</v>
      </c>
      <c r="K7" s="713" t="s">
        <v>224</v>
      </c>
      <c r="L7" s="713" t="s">
        <v>236</v>
      </c>
      <c r="M7" s="714" t="s">
        <v>237</v>
      </c>
      <c r="N7" s="880"/>
      <c r="O7" s="880"/>
      <c r="P7" s="880"/>
    </row>
    <row r="8" spans="2:20" s="452" customFormat="1" ht="20.100000000000001" customHeight="1">
      <c r="B8" s="715" t="s">
        <v>238</v>
      </c>
      <c r="C8" s="716" t="s">
        <v>239</v>
      </c>
      <c r="D8" s="717"/>
      <c r="E8" s="717"/>
      <c r="F8" s="717"/>
      <c r="G8" s="717"/>
      <c r="H8" s="717"/>
      <c r="I8" s="717"/>
      <c r="J8" s="717"/>
      <c r="K8" s="717"/>
      <c r="L8" s="717"/>
      <c r="M8" s="717"/>
      <c r="N8" s="717"/>
      <c r="O8" s="718"/>
      <c r="P8" s="718"/>
    </row>
    <row r="9" spans="2:20" s="452" customFormat="1" ht="20.100000000000001" customHeight="1">
      <c r="B9" s="719"/>
      <c r="C9" s="720" t="s">
        <v>751</v>
      </c>
      <c r="D9" s="721">
        <v>2722.5425599</v>
      </c>
      <c r="E9" s="721">
        <v>20844.550354999999</v>
      </c>
      <c r="F9" s="721">
        <v>0</v>
      </c>
      <c r="G9" s="721">
        <v>0</v>
      </c>
      <c r="H9" s="721">
        <v>0</v>
      </c>
      <c r="I9" s="722">
        <v>23567.0929149</v>
      </c>
      <c r="J9" s="721">
        <v>375.04154654000001</v>
      </c>
      <c r="K9" s="721">
        <v>0</v>
      </c>
      <c r="L9" s="721">
        <v>0</v>
      </c>
      <c r="M9" s="721">
        <v>375.04154654000001</v>
      </c>
      <c r="N9" s="722">
        <v>4688.0193317499998</v>
      </c>
      <c r="O9" s="723">
        <v>4.0768904387456038E-4</v>
      </c>
      <c r="P9" s="723">
        <v>0</v>
      </c>
    </row>
    <row r="10" spans="2:20" s="452" customFormat="1" ht="20.100000000000001" customHeight="1">
      <c r="B10" s="724"/>
      <c r="C10" s="725" t="s">
        <v>752</v>
      </c>
      <c r="D10" s="726">
        <v>3711.0632999999998</v>
      </c>
      <c r="E10" s="726">
        <v>80593.646280000001</v>
      </c>
      <c r="F10" s="726">
        <v>0</v>
      </c>
      <c r="G10" s="726">
        <v>0</v>
      </c>
      <c r="H10" s="726">
        <v>0</v>
      </c>
      <c r="I10" s="727">
        <v>84304.709579999995</v>
      </c>
      <c r="J10" s="726">
        <v>1767.8623518000002</v>
      </c>
      <c r="K10" s="726">
        <v>0</v>
      </c>
      <c r="L10" s="726">
        <v>0</v>
      </c>
      <c r="M10" s="726">
        <v>1767.8623518000002</v>
      </c>
      <c r="N10" s="727">
        <v>22098.279397500002</v>
      </c>
      <c r="O10" s="728">
        <v>1.9217553856537958E-3</v>
      </c>
      <c r="P10" s="728">
        <v>0</v>
      </c>
    </row>
    <row r="11" spans="2:20" s="452" customFormat="1" ht="20.100000000000001" customHeight="1">
      <c r="B11" s="724"/>
      <c r="C11" s="725" t="s">
        <v>753</v>
      </c>
      <c r="D11" s="726">
        <v>12245.477199999999</v>
      </c>
      <c r="E11" s="726">
        <v>291532.86813000002</v>
      </c>
      <c r="F11" s="726">
        <v>0</v>
      </c>
      <c r="G11" s="726">
        <v>0</v>
      </c>
      <c r="H11" s="726">
        <v>0</v>
      </c>
      <c r="I11" s="727">
        <v>303778.34533000004</v>
      </c>
      <c r="J11" s="726">
        <v>4432.5081786999999</v>
      </c>
      <c r="K11" s="726">
        <v>0</v>
      </c>
      <c r="L11" s="726">
        <v>0</v>
      </c>
      <c r="M11" s="726">
        <v>4432.5081786999999</v>
      </c>
      <c r="N11" s="727">
        <v>55406.352233749996</v>
      </c>
      <c r="O11" s="728">
        <v>4.8183595604590901E-3</v>
      </c>
      <c r="P11" s="728">
        <v>0</v>
      </c>
    </row>
    <row r="12" spans="2:20" s="452" customFormat="1" ht="20.100000000000001" customHeight="1">
      <c r="B12" s="724"/>
      <c r="C12" s="725" t="s">
        <v>754</v>
      </c>
      <c r="D12" s="726">
        <v>7377.09872</v>
      </c>
      <c r="E12" s="726">
        <v>85095.254363</v>
      </c>
      <c r="F12" s="726">
        <v>0</v>
      </c>
      <c r="G12" s="726">
        <v>0</v>
      </c>
      <c r="H12" s="726">
        <v>0</v>
      </c>
      <c r="I12" s="727">
        <v>92472.353082999995</v>
      </c>
      <c r="J12" s="726">
        <v>2621.0278928999996</v>
      </c>
      <c r="K12" s="726">
        <v>0</v>
      </c>
      <c r="L12" s="726">
        <v>0</v>
      </c>
      <c r="M12" s="726">
        <v>2621.0278928999996</v>
      </c>
      <c r="N12" s="727">
        <v>32762.848661249995</v>
      </c>
      <c r="O12" s="728">
        <v>2.8491892844490145E-3</v>
      </c>
      <c r="P12" s="728">
        <v>7.4999999999999997E-3</v>
      </c>
    </row>
    <row r="13" spans="2:20" s="452" customFormat="1" ht="20.100000000000001" customHeight="1">
      <c r="B13" s="724"/>
      <c r="C13" s="725" t="s">
        <v>755</v>
      </c>
      <c r="D13" s="726">
        <v>63665.195701999997</v>
      </c>
      <c r="E13" s="726">
        <v>86531.092667999998</v>
      </c>
      <c r="F13" s="726">
        <v>0</v>
      </c>
      <c r="G13" s="726">
        <v>0</v>
      </c>
      <c r="H13" s="726">
        <v>0</v>
      </c>
      <c r="I13" s="727">
        <v>150196.28836999999</v>
      </c>
      <c r="J13" s="726">
        <v>5925.4683799000004</v>
      </c>
      <c r="K13" s="726">
        <v>0</v>
      </c>
      <c r="L13" s="726">
        <v>0</v>
      </c>
      <c r="M13" s="726">
        <v>5925.4683799000004</v>
      </c>
      <c r="N13" s="727">
        <v>74068.354748750004</v>
      </c>
      <c r="O13" s="728">
        <v>6.4412824674951585E-3</v>
      </c>
      <c r="P13" s="728">
        <v>0</v>
      </c>
    </row>
    <row r="14" spans="2:20" s="452" customFormat="1" ht="20.100000000000001" customHeight="1">
      <c r="B14" s="724"/>
      <c r="C14" s="725" t="s">
        <v>756</v>
      </c>
      <c r="D14" s="726">
        <v>34531.851439999999</v>
      </c>
      <c r="E14" s="726">
        <v>172731.43547</v>
      </c>
      <c r="F14" s="726">
        <v>0</v>
      </c>
      <c r="G14" s="726">
        <v>0</v>
      </c>
      <c r="H14" s="726">
        <v>0</v>
      </c>
      <c r="I14" s="727">
        <v>207263.28691</v>
      </c>
      <c r="J14" s="726">
        <v>6244.7140048000001</v>
      </c>
      <c r="K14" s="726">
        <v>0</v>
      </c>
      <c r="L14" s="726">
        <v>0</v>
      </c>
      <c r="M14" s="726">
        <v>6244.7140048000001</v>
      </c>
      <c r="N14" s="727">
        <v>78058.925060000009</v>
      </c>
      <c r="O14" s="728">
        <v>6.7883185353051446E-3</v>
      </c>
      <c r="P14" s="728">
        <v>0.01</v>
      </c>
    </row>
    <row r="15" spans="2:20" s="452" customFormat="1" ht="20.100000000000001" customHeight="1">
      <c r="B15" s="724"/>
      <c r="C15" s="725" t="s">
        <v>757</v>
      </c>
      <c r="D15" s="726">
        <v>86990.912952000013</v>
      </c>
      <c r="E15" s="726">
        <v>330822.36119000003</v>
      </c>
      <c r="F15" s="726">
        <v>0</v>
      </c>
      <c r="G15" s="726">
        <v>0</v>
      </c>
      <c r="H15" s="726">
        <v>0</v>
      </c>
      <c r="I15" s="727">
        <v>417813.27414200001</v>
      </c>
      <c r="J15" s="726">
        <v>13019.483392999999</v>
      </c>
      <c r="K15" s="726">
        <v>0</v>
      </c>
      <c r="L15" s="726">
        <v>0</v>
      </c>
      <c r="M15" s="726">
        <v>13019.483392999999</v>
      </c>
      <c r="N15" s="727">
        <v>162743.54241249998</v>
      </c>
      <c r="O15" s="728">
        <v>1.4152833959868426E-2</v>
      </c>
      <c r="P15" s="728">
        <v>0</v>
      </c>
    </row>
    <row r="16" spans="2:20" s="452" customFormat="1" ht="20.100000000000001" customHeight="1">
      <c r="B16" s="724"/>
      <c r="C16" s="725" t="s">
        <v>758</v>
      </c>
      <c r="D16" s="726">
        <v>109.61057000000001</v>
      </c>
      <c r="E16" s="726">
        <v>4577.4446619999999</v>
      </c>
      <c r="F16" s="726">
        <v>0</v>
      </c>
      <c r="G16" s="726">
        <v>0</v>
      </c>
      <c r="H16" s="726">
        <v>0</v>
      </c>
      <c r="I16" s="727">
        <v>4687.0552319999997</v>
      </c>
      <c r="J16" s="726">
        <v>45.071401416</v>
      </c>
      <c r="K16" s="726">
        <v>0</v>
      </c>
      <c r="L16" s="726">
        <v>0</v>
      </c>
      <c r="M16" s="726">
        <v>45.071401416</v>
      </c>
      <c r="N16" s="727">
        <v>563.39251769999998</v>
      </c>
      <c r="O16" s="728">
        <v>4.8994882617400233E-5</v>
      </c>
      <c r="P16" s="728">
        <v>0</v>
      </c>
    </row>
    <row r="17" spans="2:16" s="452" customFormat="1" ht="20.100000000000001" customHeight="1">
      <c r="B17" s="724"/>
      <c r="C17" s="725" t="s">
        <v>759</v>
      </c>
      <c r="D17" s="726">
        <v>0</v>
      </c>
      <c r="E17" s="726">
        <v>125.70218</v>
      </c>
      <c r="F17" s="726">
        <v>0</v>
      </c>
      <c r="G17" s="726">
        <v>0</v>
      </c>
      <c r="H17" s="726">
        <v>0</v>
      </c>
      <c r="I17" s="727">
        <v>125.70218</v>
      </c>
      <c r="J17" s="726">
        <v>0.88544690919000002</v>
      </c>
      <c r="K17" s="726">
        <v>0</v>
      </c>
      <c r="L17" s="726">
        <v>0</v>
      </c>
      <c r="M17" s="726">
        <v>0.88544690919000002</v>
      </c>
      <c r="N17" s="727">
        <v>11.068086364875001</v>
      </c>
      <c r="O17" s="728">
        <v>9.6252537122805083E-7</v>
      </c>
      <c r="P17" s="728">
        <v>0</v>
      </c>
    </row>
    <row r="18" spans="2:16" s="452" customFormat="1" ht="20.100000000000001" customHeight="1">
      <c r="B18" s="724"/>
      <c r="C18" s="725" t="s">
        <v>760</v>
      </c>
      <c r="D18" s="729">
        <v>906.43106</v>
      </c>
      <c r="E18" s="729">
        <v>231032.27859</v>
      </c>
      <c r="F18" s="726">
        <v>0</v>
      </c>
      <c r="G18" s="726">
        <v>0</v>
      </c>
      <c r="H18" s="726">
        <v>0</v>
      </c>
      <c r="I18" s="727">
        <v>231938.70965</v>
      </c>
      <c r="J18" s="729">
        <v>8524.4241982000003</v>
      </c>
      <c r="K18" s="726">
        <v>0</v>
      </c>
      <c r="L18" s="726">
        <v>0</v>
      </c>
      <c r="M18" s="729">
        <v>8524.4241982000003</v>
      </c>
      <c r="N18" s="726">
        <v>106555.30247750001</v>
      </c>
      <c r="O18" s="730">
        <v>9.266478295557757E-3</v>
      </c>
      <c r="P18" s="730">
        <v>5.0000000000000001E-3</v>
      </c>
    </row>
    <row r="19" spans="2:16" s="452" customFormat="1" ht="20.100000000000001" customHeight="1">
      <c r="B19" s="724"/>
      <c r="C19" s="725" t="s">
        <v>761</v>
      </c>
      <c r="D19" s="729">
        <v>431.08507000000003</v>
      </c>
      <c r="E19" s="729">
        <v>2044.4876500999999</v>
      </c>
      <c r="F19" s="726">
        <v>0</v>
      </c>
      <c r="G19" s="726">
        <v>0</v>
      </c>
      <c r="H19" s="726">
        <v>0</v>
      </c>
      <c r="I19" s="727">
        <v>2475.5727201</v>
      </c>
      <c r="J19" s="729">
        <v>52.088820130999999</v>
      </c>
      <c r="K19" s="726">
        <v>0</v>
      </c>
      <c r="L19" s="726">
        <v>0</v>
      </c>
      <c r="M19" s="729">
        <v>52.088820130999999</v>
      </c>
      <c r="N19" s="726">
        <v>651.11025163750003</v>
      </c>
      <c r="O19" s="730">
        <v>5.6623170077228806E-5</v>
      </c>
      <c r="P19" s="730">
        <v>0</v>
      </c>
    </row>
    <row r="20" spans="2:16" s="452" customFormat="1" ht="20.100000000000001" customHeight="1">
      <c r="B20" s="724"/>
      <c r="C20" s="725" t="s">
        <v>762</v>
      </c>
      <c r="D20" s="729">
        <v>1142.6227099999999</v>
      </c>
      <c r="E20" s="729">
        <v>383044.80388000002</v>
      </c>
      <c r="F20" s="726">
        <v>0</v>
      </c>
      <c r="G20" s="726">
        <v>0</v>
      </c>
      <c r="H20" s="726">
        <v>0</v>
      </c>
      <c r="I20" s="727">
        <v>384187.42659000005</v>
      </c>
      <c r="J20" s="729">
        <v>11206.195281999999</v>
      </c>
      <c r="K20" s="726">
        <v>0</v>
      </c>
      <c r="L20" s="726">
        <v>0</v>
      </c>
      <c r="M20" s="729">
        <v>11206.195281999999</v>
      </c>
      <c r="N20" s="726">
        <v>140077.44102499998</v>
      </c>
      <c r="O20" s="730">
        <v>1.2181698486844632E-2</v>
      </c>
      <c r="P20" s="730">
        <v>0.02</v>
      </c>
    </row>
    <row r="21" spans="2:16" s="452" customFormat="1" ht="20.100000000000001" customHeight="1">
      <c r="B21" s="724"/>
      <c r="C21" s="725" t="s">
        <v>763</v>
      </c>
      <c r="D21" s="729">
        <v>3031.0029500000001</v>
      </c>
      <c r="E21" s="729">
        <v>3720.6789977000003</v>
      </c>
      <c r="F21" s="726">
        <v>0</v>
      </c>
      <c r="G21" s="726">
        <v>0</v>
      </c>
      <c r="H21" s="726">
        <v>0</v>
      </c>
      <c r="I21" s="727">
        <v>6751.6819477000008</v>
      </c>
      <c r="J21" s="729">
        <v>293.19219519000001</v>
      </c>
      <c r="K21" s="726">
        <v>0</v>
      </c>
      <c r="L21" s="726">
        <v>0</v>
      </c>
      <c r="M21" s="729">
        <v>293.19219519000001</v>
      </c>
      <c r="N21" s="726">
        <v>3664.9024398750003</v>
      </c>
      <c r="O21" s="730">
        <v>3.1871467796367462E-4</v>
      </c>
      <c r="P21" s="730">
        <v>0</v>
      </c>
    </row>
    <row r="22" spans="2:16" s="452" customFormat="1" ht="20.100000000000001" customHeight="1">
      <c r="B22" s="724"/>
      <c r="C22" s="725" t="s">
        <v>764</v>
      </c>
      <c r="D22" s="729">
        <v>2748680.2815999999</v>
      </c>
      <c r="E22" s="729">
        <v>31351405.125999998</v>
      </c>
      <c r="F22" s="726">
        <v>0</v>
      </c>
      <c r="G22" s="726">
        <v>0</v>
      </c>
      <c r="H22" s="726">
        <v>0</v>
      </c>
      <c r="I22" s="727">
        <v>34100085.407600001</v>
      </c>
      <c r="J22" s="729">
        <v>852870.82809000008</v>
      </c>
      <c r="K22" s="726">
        <v>0</v>
      </c>
      <c r="L22" s="726">
        <v>0</v>
      </c>
      <c r="M22" s="729">
        <v>852870.82809000008</v>
      </c>
      <c r="N22" s="726">
        <v>10660885.351125002</v>
      </c>
      <c r="O22" s="730">
        <v>0.92711353091498672</v>
      </c>
      <c r="P22" s="730">
        <v>0</v>
      </c>
    </row>
    <row r="23" spans="2:16" s="452" customFormat="1" ht="20.100000000000001" customHeight="1">
      <c r="B23" s="724"/>
      <c r="C23" s="725" t="s">
        <v>765</v>
      </c>
      <c r="D23" s="729">
        <v>0</v>
      </c>
      <c r="E23" s="729">
        <v>49.841117830000002</v>
      </c>
      <c r="F23" s="726">
        <v>0</v>
      </c>
      <c r="G23" s="726">
        <v>0</v>
      </c>
      <c r="H23" s="726">
        <v>0</v>
      </c>
      <c r="I23" s="727">
        <v>49.841117830000002</v>
      </c>
      <c r="J23" s="729">
        <v>0.39618267880000002</v>
      </c>
      <c r="K23" s="726">
        <v>0</v>
      </c>
      <c r="L23" s="726">
        <v>0</v>
      </c>
      <c r="M23" s="729">
        <v>0.39618267880000002</v>
      </c>
      <c r="N23" s="726">
        <v>4.9522834850000006</v>
      </c>
      <c r="O23" s="730">
        <v>4.3067051906583173E-7</v>
      </c>
      <c r="P23" s="730">
        <v>0</v>
      </c>
    </row>
    <row r="24" spans="2:16" s="452" customFormat="1" ht="20.100000000000001" customHeight="1" thickBot="1">
      <c r="B24" s="731"/>
      <c r="C24" s="732" t="s">
        <v>766</v>
      </c>
      <c r="D24" s="733">
        <v>6575.0018760000003</v>
      </c>
      <c r="E24" s="733">
        <v>72520.438798999996</v>
      </c>
      <c r="F24" s="734">
        <v>0</v>
      </c>
      <c r="G24" s="734">
        <v>0</v>
      </c>
      <c r="H24" s="734">
        <v>0</v>
      </c>
      <c r="I24" s="735">
        <v>79095.440674999991</v>
      </c>
      <c r="J24" s="733">
        <v>1524.8411383</v>
      </c>
      <c r="K24" s="734">
        <v>0</v>
      </c>
      <c r="L24" s="734">
        <v>0</v>
      </c>
      <c r="M24" s="733">
        <v>1524.8411383</v>
      </c>
      <c r="N24" s="734">
        <v>19060.514228749998</v>
      </c>
      <c r="O24" s="736">
        <v>1.657579090821662E-3</v>
      </c>
      <c r="P24" s="736">
        <v>0</v>
      </c>
    </row>
    <row r="25" spans="2:16" s="269" customFormat="1" ht="20.100000000000001" customHeight="1">
      <c r="B25" s="737" t="s">
        <v>861</v>
      </c>
      <c r="C25" s="738" t="s">
        <v>862</v>
      </c>
      <c r="D25" s="739">
        <v>2972120.1777098998</v>
      </c>
      <c r="E25" s="739">
        <v>33116672.010332629</v>
      </c>
      <c r="F25" s="739">
        <v>0</v>
      </c>
      <c r="G25" s="739">
        <v>0</v>
      </c>
      <c r="H25" s="739">
        <v>0</v>
      </c>
      <c r="I25" s="739">
        <v>36088792.188042529</v>
      </c>
      <c r="J25" s="739">
        <v>908904.02850246511</v>
      </c>
      <c r="K25" s="739">
        <v>0</v>
      </c>
      <c r="L25" s="739">
        <v>0</v>
      </c>
      <c r="M25" s="739">
        <v>908904.02850246511</v>
      </c>
      <c r="N25" s="739">
        <v>11361300.356280815</v>
      </c>
      <c r="O25" s="740">
        <v>0.98802444095186459</v>
      </c>
      <c r="P25" s="741"/>
    </row>
    <row r="26" spans="2:16" s="49" customFormat="1" ht="20.100000000000001" customHeight="1" thickBot="1"/>
    <row r="27" spans="2:16" s="269" customFormat="1" ht="20.100000000000001" customHeight="1">
      <c r="B27" s="737" t="s">
        <v>240</v>
      </c>
      <c r="C27" s="738" t="s">
        <v>40</v>
      </c>
      <c r="D27" s="739">
        <v>3009398.56</v>
      </c>
      <c r="E27" s="739">
        <v>33411660.094000001</v>
      </c>
      <c r="F27" s="739">
        <v>0</v>
      </c>
      <c r="G27" s="739">
        <v>0</v>
      </c>
      <c r="H27" s="739">
        <v>0</v>
      </c>
      <c r="I27" s="739">
        <v>36421058.653999999</v>
      </c>
      <c r="J27" s="739">
        <v>919920.59187</v>
      </c>
      <c r="K27" s="739">
        <v>0</v>
      </c>
      <c r="L27" s="739">
        <v>0</v>
      </c>
      <c r="M27" s="739">
        <v>919920.59187</v>
      </c>
      <c r="N27" s="739">
        <v>11499007.398375001</v>
      </c>
      <c r="O27" s="740">
        <v>1</v>
      </c>
      <c r="P27" s="741"/>
    </row>
  </sheetData>
  <mergeCells count="8">
    <mergeCell ref="O5:O7"/>
    <mergeCell ref="P5:P7"/>
    <mergeCell ref="D5:E6"/>
    <mergeCell ref="F5:G6"/>
    <mergeCell ref="H5:H7"/>
    <mergeCell ref="I5:I7"/>
    <mergeCell ref="J5:M6"/>
    <mergeCell ref="N5:N7"/>
  </mergeCells>
  <conditionalFormatting sqref="D8:N8">
    <cfRule type="cellIs" dxfId="9" priority="11" stopIfTrue="1" operator="lessThan">
      <formula>0</formula>
    </cfRule>
  </conditionalFormatting>
  <conditionalFormatting sqref="D9:P25">
    <cfRule type="cellIs" dxfId="8" priority="5" stopIfTrue="1" operator="lessThan">
      <formula>0</formula>
    </cfRule>
  </conditionalFormatting>
  <conditionalFormatting sqref="D27:P27">
    <cfRule type="cellIs" dxfId="7" priority="1" stopIfTrue="1" operator="lessThan">
      <formula>0</formula>
    </cfRule>
  </conditionalFormatting>
  <hyperlinks>
    <hyperlink ref="T1" location="Índice!A1" display="Voltar ao Índice" xr:uid="{00000000-0004-0000-0900-000000000000}"/>
  </hyperlinks>
  <pageMargins left="0.70866141732283472" right="0.70866141732283472" top="0.74803149606299213" bottom="0.74803149606299213" header="0.31496062992125984" footer="0.31496062992125984"/>
  <pageSetup paperSize="9" scale="46" orientation="landscape" r:id="rId1"/>
  <headerFooter>
    <oddFooter>&amp;C1</oddFooter>
  </headerFooter>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ublishingExpirationDate xmlns="http://schemas.microsoft.com/sharepoint/v3" xsi:nil="true"/>
    <PublishingStartDate xmlns="http://schemas.microsoft.com/sharepoint/v3"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4A9918BE4EF40F4AA4F6D1DF5575E2EC" ma:contentTypeVersion="1" ma:contentTypeDescription="Create a new document." ma:contentTypeScope="" ma:versionID="972667a50b176de1b9da9e88931f17d1">
  <xsd:schema xmlns:xsd="http://www.w3.org/2001/XMLSchema" xmlns:xs="http://www.w3.org/2001/XMLSchema" xmlns:p="http://schemas.microsoft.com/office/2006/metadata/properties" xmlns:ns1="http://schemas.microsoft.com/sharepoint/v3" targetNamespace="http://schemas.microsoft.com/office/2006/metadata/properties" ma:root="true" ma:fieldsID="cac343a943d85e00f76ba0e29c1718a1" ns1:_="">
    <xsd:import namespace="http://schemas.microsoft.com/sharepoint/v3"/>
    <xsd:element name="properties">
      <xsd:complexType>
        <xsd:sequence>
          <xsd:element name="documentManagement">
            <xsd:complexType>
              <xsd:all>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8" nillable="true" ma:displayName="Scheduling Start Date" ma:description="" ma:internalName="PublishingStartDate">
      <xsd:simpleType>
        <xsd:restriction base="dms:Unknown"/>
      </xsd:simpleType>
    </xsd:element>
    <xsd:element name="PublishingExpirationDate" ma:index="9" nillable="true" ma:displayName="Scheduling End Date" ma:description="" ma:internalName="PublishingExpirationDat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3346212-7304-4433-8486-267151A8DD6E}">
  <ds:schemaRefs>
    <ds:schemaRef ds:uri="http://schemas.microsoft.com/office/2006/documentManagement/types"/>
    <ds:schemaRef ds:uri="http://purl.org/dc/dcmitype/"/>
    <ds:schemaRef ds:uri="http://schemas.openxmlformats.org/package/2006/metadata/core-properties"/>
    <ds:schemaRef ds:uri="http://schemas.microsoft.com/office/2006/metadata/properties"/>
    <ds:schemaRef ds:uri="http://purl.org/dc/elements/1.1/"/>
    <ds:schemaRef ds:uri="http://purl.org/dc/terms/"/>
    <ds:schemaRef ds:uri="http://schemas.microsoft.com/office/infopath/2007/PartnerControls"/>
    <ds:schemaRef ds:uri="http://schemas.microsoft.com/sharepoint/v3"/>
    <ds:schemaRef ds:uri="http://www.w3.org/XML/1998/namespace"/>
  </ds:schemaRefs>
</ds:datastoreItem>
</file>

<file path=customXml/itemProps2.xml><?xml version="1.0" encoding="utf-8"?>
<ds:datastoreItem xmlns:ds="http://schemas.openxmlformats.org/officeDocument/2006/customXml" ds:itemID="{3F76CB4B-C3A3-487F-96DA-6095B091C667}">
  <ds:schemaRefs>
    <ds:schemaRef ds:uri="http://schemas.microsoft.com/sharepoint/v3/contenttype/forms"/>
  </ds:schemaRefs>
</ds:datastoreItem>
</file>

<file path=customXml/itemProps3.xml><?xml version="1.0" encoding="utf-8"?>
<ds:datastoreItem xmlns:ds="http://schemas.openxmlformats.org/officeDocument/2006/customXml" ds:itemID="{95065774-5130-4881-9D9D-B6AF551156C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46</vt:i4>
      </vt:variant>
      <vt:variant>
        <vt:lpstr>Named Ranges</vt:lpstr>
      </vt:variant>
      <vt:variant>
        <vt:i4>4</vt:i4>
      </vt:variant>
    </vt:vector>
  </HeadingPairs>
  <TitlesOfParts>
    <vt:vector size="50" baseType="lpstr">
      <vt:lpstr>Capa</vt:lpstr>
      <vt:lpstr>Índice</vt:lpstr>
      <vt:lpstr>1</vt:lpstr>
      <vt:lpstr>2</vt:lpstr>
      <vt:lpstr>3</vt:lpstr>
      <vt:lpstr>4</vt:lpstr>
      <vt:lpstr>5</vt:lpstr>
      <vt:lpstr>6</vt:lpstr>
      <vt:lpstr>7</vt:lpstr>
      <vt:lpstr>8</vt:lpstr>
      <vt:lpstr>9</vt:lpstr>
      <vt:lpstr>10</vt:lpstr>
      <vt:lpstr>11</vt:lpstr>
      <vt:lpstr>12</vt:lpstr>
      <vt:lpstr>13</vt:lpstr>
      <vt:lpstr>14</vt:lpstr>
      <vt:lpstr>15</vt:lpstr>
      <vt:lpstr>16</vt:lpstr>
      <vt:lpstr>17</vt:lpstr>
      <vt:lpstr>18</vt:lpstr>
      <vt:lpstr>19</vt:lpstr>
      <vt:lpstr>20</vt:lpstr>
      <vt:lpstr>21</vt:lpstr>
      <vt:lpstr>22</vt:lpstr>
      <vt:lpstr>23</vt:lpstr>
      <vt:lpstr>24</vt:lpstr>
      <vt:lpstr>25</vt:lpstr>
      <vt:lpstr>26</vt:lpstr>
      <vt:lpstr>27</vt:lpstr>
      <vt:lpstr>28</vt:lpstr>
      <vt:lpstr>29</vt:lpstr>
      <vt:lpstr>30</vt:lpstr>
      <vt:lpstr>31</vt:lpstr>
      <vt:lpstr>32</vt:lpstr>
      <vt:lpstr>33</vt:lpstr>
      <vt:lpstr>34</vt:lpstr>
      <vt:lpstr>35</vt:lpstr>
      <vt:lpstr>36</vt:lpstr>
      <vt:lpstr>37</vt:lpstr>
      <vt:lpstr>38</vt:lpstr>
      <vt:lpstr>39</vt:lpstr>
      <vt:lpstr>40</vt:lpstr>
      <vt:lpstr>41</vt:lpstr>
      <vt:lpstr>42</vt:lpstr>
      <vt:lpstr>43</vt:lpstr>
      <vt:lpstr>44</vt:lpstr>
      <vt:lpstr>'18'!Print_Area</vt:lpstr>
      <vt:lpstr>'7'!Print_Area</vt:lpstr>
      <vt:lpstr>Capa!Print_Area</vt:lpstr>
      <vt:lpstr>Índice!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ivulgacao-Disciplina-de-Mercado_1S2022</dc:title>
  <dc:creator/>
  <cp:lastModifiedBy/>
  <dcterms:created xsi:type="dcterms:W3CDTF">2020-09-14T08:59:40Z</dcterms:created>
  <dcterms:modified xsi:type="dcterms:W3CDTF">2025-10-01T08:49:5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2ffd489d-8342-4f0c-9e5b-a69a195a9b09_Enabled">
    <vt:lpwstr>true</vt:lpwstr>
  </property>
  <property fmtid="{D5CDD505-2E9C-101B-9397-08002B2CF9AE}" pid="3" name="MSIP_Label_2ffd489d-8342-4f0c-9e5b-a69a195a9b09_SetDate">
    <vt:lpwstr>2022-07-28T14:03:07Z</vt:lpwstr>
  </property>
  <property fmtid="{D5CDD505-2E9C-101B-9397-08002B2CF9AE}" pid="4" name="MSIP_Label_2ffd489d-8342-4f0c-9e5b-a69a195a9b09_Method">
    <vt:lpwstr>Privileged</vt:lpwstr>
  </property>
  <property fmtid="{D5CDD505-2E9C-101B-9397-08002B2CF9AE}" pid="5" name="MSIP_Label_2ffd489d-8342-4f0c-9e5b-a69a195a9b09_Name">
    <vt:lpwstr>2ffd489d-8342-4f0c-9e5b-a69a195a9b09</vt:lpwstr>
  </property>
  <property fmtid="{D5CDD505-2E9C-101B-9397-08002B2CF9AE}" pid="6" name="MSIP_Label_2ffd489d-8342-4f0c-9e5b-a69a195a9b09_SiteId">
    <vt:lpwstr>5d89951c-b62b-46bf-b261-910b5240b0e7</vt:lpwstr>
  </property>
  <property fmtid="{D5CDD505-2E9C-101B-9397-08002B2CF9AE}" pid="7" name="MSIP_Label_2ffd489d-8342-4f0c-9e5b-a69a195a9b09_ActionId">
    <vt:lpwstr>899dabe6-a9d7-4069-a01c-cc9b923f3566</vt:lpwstr>
  </property>
  <property fmtid="{D5CDD505-2E9C-101B-9397-08002B2CF9AE}" pid="8" name="MSIP_Label_2ffd489d-8342-4f0c-9e5b-a69a195a9b09_ContentBits">
    <vt:lpwstr>0</vt:lpwstr>
  </property>
  <property fmtid="{D5CDD505-2E9C-101B-9397-08002B2CF9AE}" pid="9" name="ContentTypeId">
    <vt:lpwstr>0x0101004A9918BE4EF40F4AA4F6D1DF5575E2EC</vt:lpwstr>
  </property>
  <property fmtid="{D5CDD505-2E9C-101B-9397-08002B2CF9AE}" pid="10" name="Order">
    <vt:r8>454400</vt:r8>
  </property>
  <property fmtid="{D5CDD505-2E9C-101B-9397-08002B2CF9AE}" pid="11" name="xd_Signature">
    <vt:bool>false</vt:bool>
  </property>
  <property fmtid="{D5CDD505-2E9C-101B-9397-08002B2CF9AE}" pid="12" name="xd_ProgID">
    <vt:lpwstr/>
  </property>
  <property fmtid="{D5CDD505-2E9C-101B-9397-08002B2CF9AE}" pid="13" name="_SourceUrl">
    <vt:lpwstr/>
  </property>
  <property fmtid="{D5CDD505-2E9C-101B-9397-08002B2CF9AE}" pid="14" name="_SharedFileIndex">
    <vt:lpwstr/>
  </property>
  <property fmtid="{D5CDD505-2E9C-101B-9397-08002B2CF9AE}" pid="15" name="TemplateUrl">
    <vt:lpwstr/>
  </property>
  <property fmtid="{D5CDD505-2E9C-101B-9397-08002B2CF9AE}" pid="16" name="display_urn">
    <vt:lpwstr>MARIA STEINER</vt:lpwstr>
  </property>
  <property fmtid="{D5CDD505-2E9C-101B-9397-08002B2CF9AE}" pid="17" name="MSIP_Label_3c41c091-3cbc-4dba-8b59-ce62f19500db_Enabled">
    <vt:lpwstr>true</vt:lpwstr>
  </property>
  <property fmtid="{D5CDD505-2E9C-101B-9397-08002B2CF9AE}" pid="18" name="MSIP_Label_3c41c091-3cbc-4dba-8b59-ce62f19500db_SetDate">
    <vt:lpwstr>2024-09-11T07:57:54Z</vt:lpwstr>
  </property>
  <property fmtid="{D5CDD505-2E9C-101B-9397-08002B2CF9AE}" pid="19" name="MSIP_Label_3c41c091-3cbc-4dba-8b59-ce62f19500db_Method">
    <vt:lpwstr>Privileged</vt:lpwstr>
  </property>
  <property fmtid="{D5CDD505-2E9C-101B-9397-08002B2CF9AE}" pid="20" name="MSIP_Label_3c41c091-3cbc-4dba-8b59-ce62f19500db_Name">
    <vt:lpwstr>Confidential_0_1</vt:lpwstr>
  </property>
  <property fmtid="{D5CDD505-2E9C-101B-9397-08002B2CF9AE}" pid="21" name="MSIP_Label_3c41c091-3cbc-4dba-8b59-ce62f19500db_SiteId">
    <vt:lpwstr>35595a02-4d6d-44ac-99e1-f9ab4cd872db</vt:lpwstr>
  </property>
  <property fmtid="{D5CDD505-2E9C-101B-9397-08002B2CF9AE}" pid="22" name="MSIP_Label_3c41c091-3cbc-4dba-8b59-ce62f19500db_ActionId">
    <vt:lpwstr>09df51d2-658b-45fe-a512-a458aac7e21d</vt:lpwstr>
  </property>
  <property fmtid="{D5CDD505-2E9C-101B-9397-08002B2CF9AE}" pid="23" name="MSIP_Label_3c41c091-3cbc-4dba-8b59-ce62f19500db_ContentBits">
    <vt:lpwstr>1</vt:lpwstr>
  </property>
</Properties>
</file>